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49\"/>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933" uniqueCount="728">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28/11/2020</t>
  </si>
  <si>
    <t>07:00:00:00</t>
  </si>
  <si>
    <t>N0024463</t>
  </si>
  <si>
    <t>Le monde selon Kal : Le monde connecté</t>
  </si>
  <si>
    <t>The Big Picture with Kal Penn</t>
  </si>
  <si>
    <t>Born To Be Wired</t>
  </si>
  <si>
    <t>00:21</t>
  </si>
  <si>
    <t>United States</t>
  </si>
  <si>
    <t>Ne vous y trompez pas, Internet n'est ni invisible ni sans fils et nos données ne sont pas stockées sur un "nuage". Le cyber-monde d'aujourd'hui se compose d'endroits réels qui sont bien plus importants que vous ne l'imaginez. Suivez Kal Penn dans son exploration du paysage high tech actuel et découvrez de quelle manière nous sommes tous connectés.</t>
  </si>
  <si>
    <t>07:20:00:00</t>
  </si>
  <si>
    <t>N0024464</t>
  </si>
  <si>
    <t>Le monde selon Kal : Des poubelles en or</t>
  </si>
  <si>
    <t>Cash for Trash</t>
  </si>
  <si>
    <t xml:space="preserve">Déchets ? Poubelles ? Choses dégoutantes qui sentent mauvais ? Quoi que nous fassions de nos déchets, la principale préoccupation est de les tenir éloigner de nous au maximum. Mais à y regarder de plus près, n'y aurait-il pas un moyen de valoriser ces quantités astronomiques de détritus ? Partout dans le monde, des personnes tirent le meilleur parti de nos poubelles et s'enrichissent grâce à nos ordures. </t>
  </si>
  <si>
    <t>07:45:00:00</t>
  </si>
  <si>
    <t>Made in USA : La voiture électrique</t>
  </si>
  <si>
    <t>Made In A Day</t>
  </si>
  <si>
    <t>Electric Cars</t>
  </si>
  <si>
    <t>00:30</t>
  </si>
  <si>
    <t>United Kingdom</t>
  </si>
  <si>
    <t>Pénétrez dans les coulisses de l’usine Tesla, où l’automatisation exécutée par une armée de robots, une main-d’œuvre qualifiée et une logistique à l’échelle globale s’associent pour donner naissance à la voiture électrique baptisée Model 3.</t>
  </si>
  <si>
    <t>08:10:00:00</t>
  </si>
  <si>
    <t>Made in USA : la sauce piquante</t>
  </si>
  <si>
    <t>Hot Sauce</t>
  </si>
  <si>
    <t>Découvrez le processus de fabrication et de distribution de la célèbre sauce pimentée. Autrefois simple piment cultivé au sein des fermes d’Amérique centrale et du Sud, ce fruit épicé s’est répandu aux quatre coins du monde jusqu’à devenir l’un des ingrédients les plus recherchés. La raison ? Un marché de la sauce piquante en plein essor, dont les ventes s’élèvent alors à plus de 4 milliards de dollars. Avec plus de 182 millions de bouteilles vendues par an, la marque Tabasco, l’une des pionnières du secteur, continue de mettre le feu au marché.</t>
  </si>
  <si>
    <t>08:35:00:00</t>
  </si>
  <si>
    <t>Made in USA : Vers l'infini et au-delà</t>
  </si>
  <si>
    <t>Space Rockets</t>
  </si>
  <si>
    <t>De tôles métalliques à la naissance d’un service de taxi vers les étoiles à 1,4 million d’euros, découvrez l’extraordinaire processus de fabrication d’une fusée. Ouvrant la voie à un champ de possibles pour l’ensemble de l’humanité, les missions spatiales représentent une économie susceptible d’atteindre les mille milliards de dollars au cours des 20 prochaines années. En matière d’exploration des confins de l’univers, le constructeur américain de fusées ULA se trouve aujourd’hui à la pointe.</t>
  </si>
  <si>
    <t>09:00:00:00</t>
  </si>
  <si>
    <t>Made in USA : La guitare électrique</t>
  </si>
  <si>
    <t>Electric Guitars</t>
  </si>
  <si>
    <t>Pénétrez dans les coulisses de la manufacture de Gibson Guitars, située à Nashville, dans le Tennessee, et découvrez les secrets de fabrication de leurs instruments légendaires. Avant d’arriver sur scène, l’illustre guitare électrique Les Paul est avant tout le résultat d’une parfaite alliance entre machines de pointe, savoir-faire artisanal et logistique mondiale.</t>
  </si>
  <si>
    <t>09:25:00:00</t>
  </si>
  <si>
    <t>N0014394</t>
  </si>
  <si>
    <t>Megafactories : Mini</t>
  </si>
  <si>
    <t>Megafactories</t>
  </si>
  <si>
    <t>Mini</t>
  </si>
  <si>
    <t>00:44</t>
  </si>
  <si>
    <t>Cet épisode de Megafactories est une occasion unique de pénétrer dans l'usine de construction du nouveau modèle Mini. Le Mini Coupé est la première voiture de sport pour deux passagers jamais conçue. Suivez son processus de construction au sein de l'industrie située à Oxford, au coeur de l'Angleterre.</t>
  </si>
  <si>
    <t>10:20:00:00</t>
  </si>
  <si>
    <t>Ultimate Airport Pérou et Brésil : Divorce et drogues</t>
  </si>
  <si>
    <t>Airport Security: Peru and Brazil</t>
  </si>
  <si>
    <t>Drugs And Divorce</t>
  </si>
  <si>
    <t>01:00</t>
  </si>
  <si>
    <t>Argentina</t>
  </si>
  <si>
    <t>À l’aéroport international Jorge Chavez de Lima, au Pérou, les agents de sécurité travaillent d’arrache-pied pour tenter d’empêcher la sortie de substances illicites du pays. Niant voyager ensemble, un couple divorcé transporte des valises identiques remplies de poudre blanche. Malgré un test à la cocaïne revenu négatif, des policiers décident de creuser davantage la piste d’un sac qui présente des traces douteuses. Alors qu’un suspect dissimule de la cocaïne dans les poignées de son bagage cabine, un homme est retrouvé avec 35 capsules de la même substance dans l’estomac.</t>
  </si>
  <si>
    <t>11:15:00:00</t>
  </si>
  <si>
    <t>Ultimate Airport Pérou et Brésil : Valise en surpoids</t>
  </si>
  <si>
    <t>Suitcase Saturation</t>
  </si>
  <si>
    <t>À l’aéroport international Jorge Chavez de Lima, au Pérou, la police fait face à un défi de taille : endiguer le trafic de drogue. Des agents arrêtent un homme en possession d’emballages alimentaires remplis de cocaïne, suspecté de cacher d’autres substances. Une vieille dame dissimulant des stupéfiants dans son sac est interpellée. Après la découverte de drogues dans sa valise, une mère de famille déclare être également forcée de se prostituer. Enfin, un individu assure que les cachets scotchés sur son corps sont destinés à sa consommation personnelle.</t>
  </si>
  <si>
    <t>12:10:00:00</t>
  </si>
  <si>
    <t>P0873042</t>
  </si>
  <si>
    <t>Ultimate Airport Brésil : Grosse cargaison</t>
  </si>
  <si>
    <t>Airport Security: Brazil</t>
  </si>
  <si>
    <t>Cocaine Drama</t>
  </si>
  <si>
    <t>00:43</t>
  </si>
  <si>
    <t>À l’aéroport international de Sao Paulo, les agents de la police fédérale luttent 24h/24 et 7j/7 contre les activités illicites. Leur principal défi : le trafic de cocaïne. Des policiers interpellent deux trafiquants en possession de briques de cocaïne qui portent la même marque suspecte. L’une de ces cargaisons est l’une des plus importantes saisies au cours des dernières années. En parallèle, des demandeurs d’asile terrorisés refusent de coopérer et sèment le chaos, et des valises contenant des centaines d’articles contrefaits sont interceptées.</t>
  </si>
  <si>
    <t>13:05:00:00</t>
  </si>
  <si>
    <t>P0873041</t>
  </si>
  <si>
    <t>Ultimate Airport Brésil : Des mules inventives</t>
  </si>
  <si>
    <t>Cocaine Combos</t>
  </si>
  <si>
    <t>À l’aéroport international de Sao Paulo, les agents de la police fédérale luttent 24h/24 et 7j/7 contre les activités illicites. Leur principal défi : le trafic de cocaïne. Des policiers arrêtent deux passeurs de drogue à bord d’un vol pour l’Éthiopie ; l’un dissimule de la cocaïne dans des bouteilles de shampoing, l’autre dans des pots de colorant pour tissus. Les services de renseignements signalent un homme en partance pour Hong Kong qui transporte des capsules scotchées à son corps. Deux sacs à dos contenant de la cocaïne sont découverts dans la valise d’une femme.</t>
  </si>
  <si>
    <t>13:55:00:00</t>
  </si>
  <si>
    <t>P0828306</t>
  </si>
  <si>
    <t>Air Crash : Chute libre</t>
  </si>
  <si>
    <t>Air Crash Investigation</t>
  </si>
  <si>
    <t>Free Fall</t>
  </si>
  <si>
    <t xml:space="preserve">Alors qu’il relie Singapour à Perth, le vol 72 de Qantas Airways chute tout à coup au-dessus de l’océan Indien. La violence de l’accélération propulse les passagers hors de leurs sièges. Une série d’avertissements de vitesse excessive et de décrochage envahit l’écran d’affichage du poste de pilotage… Aucun doute, quelque chose cloche. Pilote de chasse expérimenté, le commandant de bord réussit à faire atterrir l’avion sans encombres. Il revient désormais aux enquêteurs australiens de faire la lumière sur ces mystérieux dysfonctionnements qui ont bien failli coûter la vie à de nombreux passagers et ont mis l’un des avions les plus populaires du monde en péril.
</t>
  </si>
  <si>
    <t>14:45:00:00</t>
  </si>
  <si>
    <t>P0828305</t>
  </si>
  <si>
    <t>Air Crash : Inclinaison fatale</t>
  </si>
  <si>
    <t>Deadly Inclination</t>
  </si>
  <si>
    <t xml:space="preserve">Alors qu’il s’approche de Zurich, sa destination, le vol 404 d’Alitalia fonce sur un versant boisé, entraînant la mort de tous ses passagers. L’analyse de la trajectoire radar du Douglas DC-9 révèle aux enquêteurs suisses que l’avion volait trop bas. Mais un examen plus approfondi des pièces à conviction ne fait qu’épaissir le mystère qui règne autour du crash… Un défaut caché au sein du système de navigation aurait-il conduit les deux pilotes sur un terrain mortel ?
</t>
  </si>
  <si>
    <t>15:40:00:00</t>
  </si>
  <si>
    <t>P0828304</t>
  </si>
  <si>
    <t>Air Crash : Virage mortel</t>
  </si>
  <si>
    <t>Deadly Go Round</t>
  </si>
  <si>
    <t>À seulement quelques minutes de l’atterrissage, le vol 140 de la compagnie China Airlines s’écrase à l’aéroport de Nagoya, au Japon. Le lendemain matin, les enquêteurs s’affairent déjà à passer au crible les débris carbonisés sur la piste, mais ce qu’ils découvrent ne fait qu’épaissir le mystère. Alors que de prime abord, les pilotes semblaient être à l’origine de la catastrophe, les causes se révèlent bien plus complexes à l’issue de deux ans d’enquête approfondie.</t>
  </si>
  <si>
    <t>16:35:00:00</t>
  </si>
  <si>
    <t>P0839915</t>
  </si>
  <si>
    <t>Air Crash : Chute fatale</t>
  </si>
  <si>
    <t>Deadly Pitch</t>
  </si>
  <si>
    <t>Canada</t>
  </si>
  <si>
    <t>Le vol 101 de la compagnie Fine Air à destination de la République dominicaine décolle de Miami avec plus de 40 000 kilos de denim à son bord. Quelques instants après le décollage, l’avion s’écrase au sol, avant de foncer sur une autoroute et de terminer sa course dans un bâtiment. Des centaines de spectateurs assistent au désastre. Ce n’est que grâce à une indication anonyme que les enquêteurs, bien décidés à faire la lumière sur les événements, parviendront à élucider l’affaire.</t>
  </si>
  <si>
    <t>17:30:00:00</t>
  </si>
  <si>
    <t>P0930764</t>
  </si>
  <si>
    <t>Ultimate airport : USA -Trafiquant un jour, trafiquant toujours ?</t>
  </si>
  <si>
    <t>To Catch A Smuggler</t>
  </si>
  <si>
    <t>Smuggle Once, Smuggle Twice?</t>
  </si>
  <si>
    <t>Les agents de l’aéroport John F. Kennedy de New York sont aux trousses d’un voyageur sans travail ni argent, en provenance du Panama et à destination de Hong Kong. Ce dernier est soupçonné d’introduire clandestinement des stupéfiants sur le sol américain. À l’aéroport de Miami, les douaniers mettent la main sur des pièces d’armes illégales dans des colis en partance pour l’Argentine, déclenchant une investigation internationale. Les enquêteurs partent pour Buenos Aires afin de prêter main-forte aux autorités locales dans le cadre d’une gigantesque rafle nationale qui vise des trafiquants d’armes présumés. L’opération « Patagonia Express » se révèlera être la plus grande saisie d’armes de l’histoire de l’Argentine.</t>
  </si>
  <si>
    <t>18:25:00:00</t>
  </si>
  <si>
    <t>P0930284</t>
  </si>
  <si>
    <t>Ultimate airport : USA - Drogues, armes et billets</t>
  </si>
  <si>
    <t>Drugs, Guns And Money</t>
  </si>
  <si>
    <t>À l’aéroport John F. Kennedy de New York, les agents des douanes interpellent un passager en provenance de Trinidad et en possession de conserves de fruits tropicaux, qui se révèlent contenir de la poudre blanche. Au service postal de Miami, les policiers découvrent des fioles qui renferment un étrange liquide, soupçonné d’être du GBL, l’une des dangereuses « drogues du violeur ». Des enquêteurs du département de la Sécurité intérieure organisent une livraison piégée dans l’espoir d’arrêter un trafiquant. À Los Angeles, des douaniers interrogent des passagères, victimes présumées de trafic sexuel et de mariages frauduleux.</t>
  </si>
  <si>
    <t>19:20:00:00</t>
  </si>
  <si>
    <t>P0926819</t>
  </si>
  <si>
    <t>Ultimate airport : USA - La drogue des fêtards</t>
  </si>
  <si>
    <t>Club Drugs And Party People</t>
  </si>
  <si>
    <t>À Miami, les douaniers mettent la main sur un colis d’ecstasy au milieu du courrier. Les enquêteurs organisent une livraison piégée qui débouche sur une mise sous surveillance, puis une arrestation. À l’aéroport de Los Angeles, les agents suivent à la trace les voyageurs venus pour un festival de musique célèbre pour sa consommation de drogue. À l’aéroport John F. Kennedy de New York, un passager suspecté d’être en contact avec des trafiquants de drogue est recherché. Face aux incohérences de son récit, les policiers décident de le soumettre aux rayons X, seule solution pour découvrir la vérité.</t>
  </si>
  <si>
    <t>20:10:00:00</t>
  </si>
  <si>
    <t>P0930547</t>
  </si>
  <si>
    <t>Ultimate airport : USA - Cocaïne en saucisse</t>
  </si>
  <si>
    <t>Cocaine Sausages</t>
  </si>
  <si>
    <t>À l’aéroport de Los Angeles, l’histoire d’un passager suspect en provenance du Nigeria ne tient pas la route. À Miami, les spécialistes agricoles mettent en œuvre un large dispositif et inspectent toutes les marchandises, de la viande crue aux trophées de chasse. Ils finissent par découvrir une énorme cargaison de mystérieuse poudre verte. À l’aéroport John F. Kennedy de New York, les enquêteurs de la Sécurité intérieure sont débordés, entre une remise piégée de MDMA et plusieurs livreurs d’alimentation soupçonnés de ne pas importer uniquement de la nourriture.</t>
  </si>
  <si>
    <t>21:00:00:00</t>
  </si>
  <si>
    <t>N0026961</t>
  </si>
  <si>
    <t>Air Crash : Silence de mort</t>
  </si>
  <si>
    <t>Deadly Silence</t>
  </si>
  <si>
    <t xml:space="preserve">En partance pour Orlando au départ de Dallas, un Learjet privé transportant le célèbre golfeur Payne Stewart disparaît des radars. Les contrôleurs aériens ne parviennent pas à joindre l'équipage, et tandis que l'avion poursuit sa trajectoire hasardeuse au-dessus du Midwest, il est évident que quelque chose de terrible s'est produit. Un avion de chasse Air Force F-16 tente de l'intercepter, mais ses hublots givrés et son cockpit assombri confirment la terrible réalité : le Learjet est maintenant un avion fantôme. </t>
  </si>
  <si>
    <t>21:50:00:00</t>
  </si>
  <si>
    <t>N0026966</t>
  </si>
  <si>
    <t>Air Crash : L'attaque du Pentagone</t>
  </si>
  <si>
    <t>9/11: The Pentagon Attack</t>
  </si>
  <si>
    <t xml:space="preserve">Le 11 septembre 2001, peu après avoir décollé de Washington D.C., des terroristes s'introduisent dans le cockpit du vol 77 d'American Airlines et font s'écraser l'avion sur le Pentagone. Le symbole de la puissance militaire américaine est en flammes. Pendant ce temps à New York, des avions de ligne ont touché les deux tours du World Trade Center. Le pays est attaqué, on dénombre près de 3000 morts et le FBI lance la plus grosse enquête de l'histoire des Etats-Unis. </t>
  </si>
  <si>
    <t>22:40:00:00</t>
  </si>
  <si>
    <t>N0026967</t>
  </si>
  <si>
    <t>Air Crash :  Désastre à Tenerife</t>
  </si>
  <si>
    <t>Disaster At Tenerife</t>
  </si>
  <si>
    <t>Un attentat terroriste aux îles Canaries redirige des dizaines de vols vers l'île espagnole de Tenerife. Un petit aéroport est pris d'assaut, et de nombreux avions stationnent dans la zone de manœuvre : les contrôleurs aériens indiquent aux avions sur le départ d'utiliser la seule piste de l'aéroport pour décoller. Parmi eux, deux 747 dissimulés par un brouillard épais. Mais le vol 1736 de la Pan Am est toujours sur la piste lorsque le vol KLM 4805 fonce sur lui. Cette collision à grande vitesse, qui a causé la mort de 583 personnes, demeure la catastrophe aérienne la plus mortelle.</t>
  </si>
  <si>
    <t>23:30:00:00</t>
  </si>
  <si>
    <t>N0016141</t>
  </si>
  <si>
    <t>Air Crash : Chaos dans le cockpit</t>
  </si>
  <si>
    <t>Cockpit Chaos</t>
  </si>
  <si>
    <t>00:46</t>
  </si>
  <si>
    <t xml:space="preserve">16 août 1987. Le vol 255 de Northwest Airlines est sur le tarmac de l'aéroport de Detroit. Les pilotes se dirigent vers Phénix en Arizona mais doivent d'abord trouver la piste de décollage et d'atterrissage. Les contrôleurs leur ont donné un changement de dernière minute et les pilotes parviennent difficilement à localiser l'entrée de leur piste de décollage. Après 45 minutes de retard, les pilotes place le DC-9 dans la bonne position. L'avion décolle de la à une vitesse de 95 miles à l'heure. Alors que le Capitaine John Maus se retire de la tour de contrôle, l'avion ne parvient pas à  décoller et rentre en collision avec un poteau et un bâtiment avant de dévaster une autoroute. Ceci est la deuxième catastrophe aérienne la plus mortelle dans l'histoire de l'aviation américaine... Les enquêteurs parviendront-ils à déterminer ce qui a pu provoquer un tel accident ?
</t>
  </si>
  <si>
    <t>24:15:00:00</t>
  </si>
  <si>
    <t>N0025422</t>
  </si>
  <si>
    <t>Air Crash : Terrible conclusion</t>
  </si>
  <si>
    <t>Fatal Focus</t>
  </si>
  <si>
    <t>Le 7 mars 2007, après un court vol en provenance de Jakarta, la capitale indonésienne, le Boeing 737 du vol Garuda 200 frappe le sol du Yogyakarta si fort qu'il rebondit à deux reprises avant d'être éjecté de la piste. Sur les 140 passagers se trouvant à bord, 21 sont tués. Les enquêteurs sont sous pression pour apporter des réponses rapides concernant l'accident. Après plusieurs pistes n'ayant pas abouti, ils font une incroyable découverte concernant la manière dont l'avion a été configuré pour l'atterrissage. L'analyse de l'enregistrement audio du cockpit leur apporte là encore des réponses surprenantes.</t>
  </si>
  <si>
    <t>25:00:00:00</t>
  </si>
  <si>
    <t>N0025461</t>
  </si>
  <si>
    <t>Air Crash : Impact explosif</t>
  </si>
  <si>
    <t>Steep Impact</t>
  </si>
  <si>
    <t>Avec à son bord un astronaute de la NASA, un ancien sénateur américain et 21 autres passagers, le crash du vol régional 2311 Atlantic Southeast Airlines le 5 avril 1991 a fait les gros titres des journaux du monde entier. Rapidement, les enquêteurs ont élaboré une théorie expliquant le crash. Un seul problème, le fabricant de l'Embraer EMB-120 affirme que cela est totalement impossible. Suivant son intuition, un enquêteur met sa réputation en jeu pour découvrir ce qui s'est réellement passé durant ce vol.</t>
  </si>
  <si>
    <t>25:45:00:00</t>
  </si>
  <si>
    <t>N0025460</t>
  </si>
  <si>
    <t>Air Crash : Carnage à São Paulo</t>
  </si>
  <si>
    <t>Carnage In Sao Paulo</t>
  </si>
  <si>
    <t>Le 31 octobre 1996, peu après son décollage de l'aéroport Congonhas de Sao Paulo, au Brésil, le Fokker 100 du vol TAM Airlines 402 s'écrase sur un quartier résidentiel et prend feu, tuant les 95 personnes qui se trouvaient à bord. Les enquêteurs des forces aériennes brésiliennes se joignent aux équipes du Conseil national de la sécurité des transports américain et découvrent une série d'évènements qui ont conduit à une défaillance si rare qu'elle paraît impossible.</t>
  </si>
  <si>
    <t>26:30:00:00</t>
  </si>
  <si>
    <t>N0016143</t>
  </si>
  <si>
    <t>Air Crash : Avion en feu</t>
  </si>
  <si>
    <t>Panic On The Runway</t>
  </si>
  <si>
    <t xml:space="preserve">22 août 1985. Le vol British Airlines décolle de l'aéroport de Manchester à destination de Corfou, en Grèce. Alors que l'avion accélère, un bruit se fait entendre dans le fuselage, contraignant les pilotes à renoncer au décollage. Le personnel naviguant pense à l'éclatement d'un pneu mais les passagers assis dans les rangées de gauche comprennent que le vrai problème provient du moteur en feu. Rapidement, la cabine se remplit de fumée noire et les passagers, paniqués, se battent pour s'enfuir. En quelques minutes seulement, l'avion est entièrement détruit par les flammes, causant la mort de 55 personnes. Les enquêteurs parviendront-ils à déterminer comment une urgence minime s'est transformée en une des catastrophes aériennes les plus dramatiques de l'histoire de l'aviation britannique ?
</t>
  </si>
  <si>
    <t>27:15:00:00</t>
  </si>
  <si>
    <t>27:35:00:00</t>
  </si>
  <si>
    <t>28:00:00:00</t>
  </si>
  <si>
    <t>Trésors sous les mers : Missions top secrètes</t>
  </si>
  <si>
    <t>Drain The Oceans: Secret Missions</t>
  </si>
  <si>
    <t>Drain The Oceans: Secret Missions, 1</t>
  </si>
  <si>
    <t>00:50</t>
  </si>
  <si>
    <t>Au fond de nos océans gisent à l’abandon machines et armes nucléaires meurtrières. Tapies sur le sol marin depuis des décennies, ces épaves top secrètes s’apprêtent à révéler les mystères de la naissance de l’ère atomique moderne. Grâce à des séquences inédites, à des données extrêmement précises et à des informations classifiées, nous évacuons aujourd’hui les océans afin d’exhumer les énigmes qui se cachent sous les vagues. Quelle mission confidentielle a empêché l’aboutissement du programme nucléaire nazi ? Pourquoi le navire responsable du transport d’uranium vers l’île de Tinian s’est-il retrouvé au fond des mers ? Quelle opération secrète de la CIA a permis de mettre la main sur des missiles atomiques disparus au cœur des profondeurs ?</t>
  </si>
  <si>
    <t>28:45:00:00</t>
  </si>
  <si>
    <t>P0829485</t>
  </si>
  <si>
    <t>Trésors sous les mers : Naufrages en Atlantique</t>
  </si>
  <si>
    <t>Drain The Ocean: Atlantic's Deadly Triangle Compilation</t>
  </si>
  <si>
    <t>Drain The Ocean: Ghost Ships of The Atlantic, 1</t>
  </si>
  <si>
    <t>Partez à la découverte d’un monde resté inexploré - un monde caché sous les profondeurs de la mer, celui de l’Atlantique et des navires échoués. Que savons-nous vraiment ce territoire de plus de 106,5 millions de kilomètres carrés et pourquoi tant de navires y ont-ils fait naufrage ? Est-ce là l’œuvre de Mère Nature ou l’action de forces surnaturelles ? La science peut-elle expliquer le grand nombre de navires et d’avions qui ont sombré dans l’Atlantique ? Prenez part aux expéditions archéologiques qui étudient le fameux Triangle des Bermudes et les navires perdus qui parsèment son plancher océanique. Équipés de nouvelles technologies, les scientifiques vous présenteront des cartes tridimensionnelles générées par ordinateur pour vous aider à faire la lumière sur ces mystères du passé.</t>
  </si>
  <si>
    <t>29:30:00:00</t>
  </si>
  <si>
    <t>29/11/2020</t>
  </si>
  <si>
    <t>N0024465</t>
  </si>
  <si>
    <t>Le monde selon Kal : Une équipe de rêve</t>
  </si>
  <si>
    <t>Fantasy Sports</t>
  </si>
  <si>
    <t xml:space="preserve">L'objectif de Kal Penn dans ce nouvel épisode : former une équipe idéale. Il parcourt donc le monde pour trouver les meilleurs joueurs, les meilleurs fans et aussi les meilleures mascottes. Découvrez pourquoi une ville de Louisiane envoie tant de joueurs de football chez les pros mais aussi la difficile vie de mascotte. S'appuyant sur les chiffres et les statistiques, Kal est bien décidé à créer l'Equipe de rêve. </t>
  </si>
  <si>
    <t>N0024588</t>
  </si>
  <si>
    <t>Le monde selon Kal : Le pouvoir du sexe</t>
  </si>
  <si>
    <t>Sex Drive</t>
  </si>
  <si>
    <t>Dans ce nouvel épisode, Kal Penn s'intéresse à ce qui se passe dans les chambres à coucher du monde entier. Et le voyage commence par une étape à Hurley, dans le Wisconsin, capitale inattendue du strip-tease. Découvrez comment cette petite ville surpasse la ville du vice avec un club de strip-tease pour 238 habitants. La seconde étape de cette enquête nous emmène ensuite en Floride, lieu de villégiature des retraités, pour découvrir que les grands-parents ont peut-être une vie plus palpitante qu'on ne l'aurait pensé. En effet, ce sont eux qui affichent le plus fort taux de croissance des MST parmi tous les groupes de population. Fin du voyage en Suisse où commander une faveur sexuelle peut s'avérer aussi facile que de commander un Big Mac. La ville de Zurich a en effet créé la première maison close avec drive-in, où tout se déroule dans des garages spécialement conçus à cet effet.</t>
  </si>
  <si>
    <t>N0024682</t>
  </si>
  <si>
    <t>Tim contre le web : La chaise souffleuse</t>
  </si>
  <si>
    <t>Man vs. Viral</t>
  </si>
  <si>
    <t>Leaf-Blower Swivel Chair</t>
  </si>
  <si>
    <t>Tim Shaw conjugue ses compétences en ingénierie avec la force physique et le courage de Buddy Munro pour réaliser des cascades à couper le souffle. Rodéo propulsé par un réacteur, chaise pivotante bimoteur, ils sont bien décidés à être les meilleurs et à détecter les vidéos truquées.</t>
  </si>
  <si>
    <t>N0024683</t>
  </si>
  <si>
    <t>Tim contre le web : La tour infernale</t>
  </si>
  <si>
    <t>Tower Block Swing</t>
  </si>
  <si>
    <t>L'ingéniosité de Tim Shaw est mise à l'épreuve par un vol stationnaire en hoverboard. Le duo se lance ensuite dans une chute libre du haut d'une tour de quinze étages. Et pour régler un désaccord sur un problème de physique, Tim et Buddy partent en quête de meubles d'occasion pour faire du ski nautique sur un tabouret.</t>
  </si>
  <si>
    <t>N0024684</t>
  </si>
  <si>
    <t>Tim contre le web : Ski nautique de folie</t>
  </si>
  <si>
    <t>Car Ferry Water Ski</t>
  </si>
  <si>
    <t>Le duo de choc est aujourd'hui plongé au coeur de la nature. Tim encourage son acolyte et cobaye à faire de la luge sur une pelle dans les montagnes du Caucase. Ce sont ensuite les collines verdoyantes du Sud de l'Angleterre qui accueillent le duo pour une descente dans un pneu de tracteur. C'est enfin sur la Mer Noire que le duo affronte les dangers de l'eau lors d'une séance de ski nautique accrochés à un ferry à grande vitesse.</t>
  </si>
  <si>
    <t>N0014354</t>
  </si>
  <si>
    <t>Titanic : Affaire classée</t>
  </si>
  <si>
    <t>Titanic: Case Closed</t>
  </si>
  <si>
    <t>01:29</t>
  </si>
  <si>
    <t>Cent ans exactement après sa célèbre disparition, l'histoire du Titanic continue de passionner des millions de gens, entraînant de nombreuses théories du complot, histoires fantastiques et débats. Aussi, Tim Maltin est déterminé à nous expliquer pourquoi nous avons tout faux. Dans son récent ouvrage à succès, il met en lumière des preuves oubliées et des détails négligés afin de révéler pourquoi le Titanic a sombré. Ce n'était pas une erreur du commandant ni une faute de fabrication. Il s'agissait simplement d'un effet de lumière, un mirage exceptionnel causé par de complexes conditions climatiques.</t>
  </si>
  <si>
    <t>N0014652</t>
  </si>
  <si>
    <t>James Cameron : La vérité sur le Titanic</t>
  </si>
  <si>
    <t>Titanic: The Final Word of James Cameron</t>
  </si>
  <si>
    <t>Titanic: The Final Word of James Cameron, 1</t>
  </si>
  <si>
    <t>En se servant des nombreux plans qu'il a tourné lors de ses sept expéditions sur le Titanic, le réalisateur James Cameron a reconstitué la véritable histoire du naufrage. En effet, le navire ne s'est pas brisé en deux, comme nous le pensions, mais en quatre, et s'est ensuite dispersé en de nombreux débris dans les fonds marins de l'océan Atlantique.</t>
  </si>
  <si>
    <t>P0859141</t>
  </si>
  <si>
    <t>Trésors sous les mers : Le débarquement</t>
  </si>
  <si>
    <t>Drain The Oceans</t>
  </si>
  <si>
    <t>Secrets of D-Day</t>
  </si>
  <si>
    <t>À l’aide de la dernière technologie sonar, une expédition ayant pour mission de cartographier les navires alliés engloutis au large des côtes normandes rapporte d’époustouflantes images sous-marines. Plus d’une centaine d’épaves de barges de débarquement et de navires ayant participé à la plus grande flotte amphibie de l’histoire gisent au fond de la Manche. À mesure que l’eau est évacuée, l’extraordinaire technologie secrète employée par les Alliés comme par les Nazis dans la bataille pour l’Europe de l’Ouest se révèle. L’issue de ce conflit transformera notre monde à jamais.</t>
  </si>
  <si>
    <t>P0873086</t>
  </si>
  <si>
    <t>Trésors sous les mers : Les épaves du Pacifique</t>
  </si>
  <si>
    <t>Pacific War Megawrecks</t>
  </si>
  <si>
    <t>Une expédition part sur les traces des épaves emblématiques de la bataille du Pacifique. Parmi elles, celle de l’USS Indianapolis, le navire ayant livré la bombe d’Hiroshima.</t>
  </si>
  <si>
    <t>La route de l'enfer : Norvège - Bataille de glace</t>
  </si>
  <si>
    <t>Ice Road Rescue</t>
  </si>
  <si>
    <t>Black Ice Battle</t>
  </si>
  <si>
    <t>Dans cet épisode, Thord prête assistance à un camion bloqué qui barre un axe majeur. Alors que son conducteur refuse de payer le dépannage, il menace de l’assigner à résidence.</t>
  </si>
  <si>
    <t>La route de l'enfer : Norvège - Embouteillages périlleux</t>
  </si>
  <si>
    <t>Gridlock Hazard</t>
  </si>
  <si>
    <t>Dans cet épisode, Thord se démène pour dépanner un camion qui bloque un col de montagne, face à des conducteurs impatients prêts à mettre sa vie en péril.</t>
  </si>
  <si>
    <t>P0867677</t>
  </si>
  <si>
    <t>La route de l'enfer : Norvège - Poisson à foison</t>
  </si>
  <si>
    <t>Fish Frenzy</t>
  </si>
  <si>
    <t>Norway</t>
  </si>
  <si>
    <t>Alors que le poisson constitue l’un des principaux produits d’exportation de la Norvège, le fret représente une source de revenus considérable pour les dépanneurs de la route de l’enfer. Dans cet épisode, Thord appelle son vieil ami Bjoern à l’aide. Ils partent à la rescousse d’une remorque de poissons. Dans le nord, Jo Rodger et son fils doivent déployer l’artillerie lourde pour débloquer une remorque de 40 tonnes ayant chaviré.</t>
  </si>
  <si>
    <t>P0867679</t>
  </si>
  <si>
    <t>La route de l'enfer : Norvège - Dans les bois</t>
  </si>
  <si>
    <t>In The Woods</t>
  </si>
  <si>
    <t>Dans cet épisode, Thord porte secours à son ancien moniteur d’auto-école et Jo Rodger part dépanner un camion coincé au fin fond des bois.</t>
  </si>
  <si>
    <t>Virus, la menace planétaire</t>
  </si>
  <si>
    <t>Virus Hunters</t>
  </si>
  <si>
    <t>Virus Hunters, 1</t>
  </si>
  <si>
    <t>Découvrez le récit passionnant des héros en première ligne de la mission scientifique la plus cruciale de toute une génération. Aux côtés de l’épidémiologiste Christopher Golden et du correspondant à l’étranger d’ABC News, James Longman, partez à la rencontre de chercheurs qui révèlent le lien entre culture, maladies et environnement pour expliquer l’origine des crises sanitaires mondiales.</t>
  </si>
  <si>
    <t>Alerte aux virus : Ebola et Covid-19</t>
  </si>
  <si>
    <t>Going Viral Update</t>
  </si>
  <si>
    <t>Going Viral: From Ebola To Covid-19, 1</t>
  </si>
  <si>
    <t>Un retour en arrière sur les signaux d’alerte de la crise d’Ebola en 2014, alors que le monde répond aujourd’hui à celle de la COVID-19.</t>
  </si>
  <si>
    <t>N0025056</t>
  </si>
  <si>
    <t>Inventer le futur : Combattre les pandémies</t>
  </si>
  <si>
    <t>Breakthrough</t>
  </si>
  <si>
    <t>Fighting Pandemics</t>
  </si>
  <si>
    <t>00:42</t>
  </si>
  <si>
    <t>Tout comme les technologies font un bond en avant en temps de guerre, l'épidémie d'Ebola qui a commencé en 2014 oblige la médecine à évoluer aussi vite que le virus contre lequel elle se bat. Ces atrocités provoquent une révolution qui pourrait donner naissance à un monde pratiquement exempt d'agents pathogènes...et nous sommes en train d'assister à ce changement radical en direct. Antibiotiques, vaccins, programmes informatiques capables de prédire la propagation d'un virus, scientifiques et médecins travaillent en première ligne pour trouver des moyens de prévenir et de contrôler les maladies ainsi que de lutter contre les pandémies. Ces outils qui sauvent des vies, testés sur le terrain, seront probablement utilisés pour lutter contre un large éventail de virus tueurs dans un avenir proche.</t>
  </si>
  <si>
    <t>P0760518</t>
  </si>
  <si>
    <t>Inventer le futur: Guérir le cancer</t>
  </si>
  <si>
    <t>Curing Cancer</t>
  </si>
  <si>
    <t>00:47</t>
  </si>
  <si>
    <t xml:space="preserve">En s'opposant au système médical, des médecins non-conformistes ont initié des thérapies anticancéreuses révolutionnaires. En boostant les cellules et en les associant avec un VIH désactivé, des médecins de Philadelphie parviennent à sauver des patients de stade 4 que l'on pensait incurables. En France, des généticiens ont créé un « donneur universel » de cellules, qui pourrait révolutionner les traitements anticancéreux. 
</t>
  </si>
  <si>
    <t>30/11/2020</t>
  </si>
  <si>
    <t>P0852999</t>
  </si>
  <si>
    <t>Science of Stupid : Jungle de béton</t>
  </si>
  <si>
    <t>Science of Stupid Compilations</t>
  </si>
  <si>
    <t>Science of Stupid In The Urban Jungle</t>
  </si>
  <si>
    <t>Dans cet épisode, la science met à l’épreuve le plus hostile des habitats : la jungle urbaine. À l’aide d’animations sur mesure et d’extraits au ralenti, Dallas Campbell analyse certaines des pires « menaces » qui pèsent sur l’humanité, telles que les escalators et les embouteillages. Les villes ont beau exister depuis plus de neuf millénaires, quelques règles élémentaires continuent de nous échapper. Comment s’insérer dans la circulation en toute sécurité ? Pourquoi l’escalade urbaine est-elle une mauvaise idée ? Pourquoi vaut-il mieux éviter de descendre des escaliers à vélo ?</t>
  </si>
  <si>
    <t>P0853000</t>
  </si>
  <si>
    <t>Science of Stupid : Au boulot</t>
  </si>
  <si>
    <t>Science of Stupid Jobs</t>
  </si>
  <si>
    <t xml:space="preserve">Science of Stupid revient pour une compilation des meilleurs moments des saisons 2, 3 et 4. La série présentée par Dallas Campbell reste fidèle au format original mais des animations inédites seront au rendez-vous.
</t>
  </si>
  <si>
    <t>P0812700</t>
  </si>
  <si>
    <t>La minute de vérité : Hélicos en chute libre</t>
  </si>
  <si>
    <t>Seconds From Disaster Compilation</t>
  </si>
  <si>
    <t>Chopper Down</t>
  </si>
  <si>
    <t xml:space="preserve">Deux crashs d’hélicoptères militaires seront au programme de ce best-of de La minute de vérité. Chinhook HC-2 s’est écrasé sur une colline, sur le flanc ouest du Mull of Kintyre, en Écosse, après avoir transporté un groupe de passagers VIP d’Irlande du Nord à Fort George. Le lendemain, un Black Hawk de l’armée américaine s’écrase dans les rues de Mogadiscio, déchaînant un vent de panique. L’évasion courageuse des militaires américains survivants nous enseigne que la vie ne tient qu’à un fil.
</t>
  </si>
  <si>
    <t>N0013905</t>
  </si>
  <si>
    <t>La minute de vérité : Tornade infernale</t>
  </si>
  <si>
    <t>Seconds from Disaster</t>
  </si>
  <si>
    <t>Tornado Outbreak</t>
  </si>
  <si>
    <t>En 1974, une tempête se scinda en 148 tornades, tuant 315 personnes et détruisant des milliers de maisons. Le professeur Fujita et son équipe étudient cette tempête du siècle.</t>
  </si>
  <si>
    <t>N0016186</t>
  </si>
  <si>
    <t>Travaux musclés : Haute voltige</t>
  </si>
  <si>
    <t>World's Toughest Fixes</t>
  </si>
  <si>
    <t>Sky High</t>
  </si>
  <si>
    <t>"Travaux musclés" nous emmène vers de nouveaux sommets qui ne peuvent être atteints simplement par une échelle, un ascenseur ou une grue. Du haut du barrage de Hoover aux chutes du Niagara, Riley va rejoindre des ouvriers qui risquent leurs vies à chaque instant à des altitudes extrêmes. Il va les aider à remplacer une ancienne voie d'amortissement des chocs au dessus du plus haut bâtiment de Las Vegas. Ils auront également pour missions de déblayer les rochers situés sur les falaises qui surplombent l'une des chutes d'eau les plus célèbres du monde. Une chose est sûre, en travaillant à une telle altitude, Riley saura apprécier son retour à la terre ferme.</t>
  </si>
  <si>
    <t>N0016171</t>
  </si>
  <si>
    <t>Travaux musclés : Éolienne</t>
  </si>
  <si>
    <t>Blown Away</t>
  </si>
  <si>
    <t xml:space="preserve">"Travaux Musclés" vous emmène sur un impressionnant chantier, celui d'une éolienne. Cet assemblage gigantesque nécessite d'élever trois énormes pièces, pesant l'équivalent d'un tank Abrams, à près de 67 mètres de haut.  </t>
  </si>
  <si>
    <t>N0026784</t>
  </si>
  <si>
    <t>Car S.O.S. : La Volvo P1800</t>
  </si>
  <si>
    <t>Car S.O.S.</t>
  </si>
  <si>
    <t>Volvo P1800</t>
  </si>
  <si>
    <t>Aujourd'hui, Tim et Fuzz partent à la rescousse d'une voiture mythique : la Volvo P1800 de 1964, conduite par Roger Moore dans une série télévisée. Son propriétaire la laisse rouiller dans son garage depuis plus de 30 ans.</t>
  </si>
  <si>
    <t>P0893995</t>
  </si>
  <si>
    <t>Ultimate Supercar : Ferrari Portofino</t>
  </si>
  <si>
    <t>Ultimate Supercar</t>
  </si>
  <si>
    <t>Ferrari Portofino</t>
  </si>
  <si>
    <t>Le modèle le plus populaire et le plus vendu de tous les temps de Ferrari doit désormais être remplacé. La marque signe son retour avec un nouveau modèle baptisé Portofino, un véhicule de grand tourisme inédit avec moteur avant conçu pour supplanter une icône.</t>
  </si>
  <si>
    <t>P0945971</t>
  </si>
  <si>
    <t>Alaska : seuls au monde - Le prix à payer</t>
  </si>
  <si>
    <t>Lawless Island</t>
  </si>
  <si>
    <t>The Cost of Paradise</t>
  </si>
  <si>
    <t>À l’approche de l’hiver, les habitants de Port Protection doivent se tenir prêts au risque d’en payer le prix. La saison de la chasse au cerf offre l’opportunité à Gary Muehlberger de faire des réserves de viande pour les mois à venir. Stuart Andrews et Dave Squibb partent pêcher le flétan afin de remplir leurs congélateurs. Suite à la disparition de Jethro, Curly Leech entraîne un nouveau chien pour la vie en Alaska. Enfin, Mary Miller affronte ses peurs et part récolter du bois de chauffage pour l’hiver à venir.</t>
  </si>
  <si>
    <t>P0945972</t>
  </si>
  <si>
    <t>Alaska : seuls au monde - Aux côtés des loups</t>
  </si>
  <si>
    <t>The Company of Wolves</t>
  </si>
  <si>
    <t>Pour les résidents autonomes de Port Protection, le danger n’est jamais loin. Alors que Mary Miller s’aventure en forêt pour chasser le cerf, les loups qui rôdent dans la région menacent sa sécurité. Sam Carlson fait appel à son ingéniosité pour enrichir le sol de son jardin. Curly Leach doit affronter des conditions météorologiques périlleuses pour faire des réserves de bois de chauffage. Enfin, Gary Muehlberger brave les flots tumultueux du sud-est de l’Alaska afin d’approvisionner son congélateur en poissons pour l’hiver.</t>
  </si>
  <si>
    <t>P0946344</t>
  </si>
  <si>
    <t>Alaska : seuls au monde - L'épreuve du feu</t>
  </si>
  <si>
    <t>Trial By Fire</t>
  </si>
  <si>
    <t>À Port Protection, les habitants vivent en symbiose avec la nature, condition essentielle à la survie sur cette île reculée d’Alaska. À l’approche de l’hiver, Gary Muehlberger abat un arbre massif afin de se réapprovisionner en bois de chauffage. Alors qu’elle pêche en mer, Mary Miller affronte un invité inattendu. Sam Carlson et Dave Squibb conçoivent un appareil innovant pour protéger l’écosystème. Le jeune chiot de Curly Leech part pour sa première chasse à l’oie.</t>
  </si>
  <si>
    <t>P0946362</t>
  </si>
  <si>
    <t>Alaska : seuls au monde - Winter is coming</t>
  </si>
  <si>
    <t>The Crusher</t>
  </si>
  <si>
    <t>Alors que l’hiver s’abat sur Port Protection, ses habitants se préparent à une grande rigueur. Stuart Andrews doit abattre un géant de la forêt pour s’assurer un peu de chaleur lors de cette saison rigoureuse. Sam Carlson et Dave Squibb font du traitement des déchets leur priorité. Équipé d’un objet de famille, Gary Muehlberger part chasser les oiseaux d’eau. Enfin, Mary Miller tente de varier son alimentation avant que l’hiver n’empêche la moindre récolte.</t>
  </si>
  <si>
    <t>P0947761</t>
  </si>
  <si>
    <t>Alaska : seuls au monde - Territoires dangereux</t>
  </si>
  <si>
    <t>Dangerous Grounds</t>
  </si>
  <si>
    <t>Avant l’arrivée de l’hiver, les habitants de Port Protection doivent accomplir des tâches essentielles, souvent avec l’aide de leur famille ou de leurs amis. Sam Carlson et son fils Matt s’aventurent sur des territoires reculés et dangereux pour chasser le cerf. Gary Muehlberger appelle à la rescousse son ami Curly Leach pour effectuer quelques réparations indispensables dans sa maison avant la tombée de la neige. De leur côté, Dave Squibb et sa compagne Kristina procèdent à l’installation de panneaux solaires afin d’assurer leur indépendance énergétique.</t>
  </si>
  <si>
    <t>P0855584</t>
  </si>
  <si>
    <t>Pêche à haut risque : Folie familiale</t>
  </si>
  <si>
    <t>Wicked Tuna</t>
  </si>
  <si>
    <t>Relative Madness</t>
  </si>
  <si>
    <t>00:45</t>
  </si>
  <si>
    <t>Avec seulement deux poissons chacun, les capitaines Dave Marciano et TJ Ott peinent à se hisser en bas du classement. Face à un Tyler McLaughlin bien décidé à le devancer, le FV-Tuna.Com accélère. Les trois capitaines demandent l’aide de leur famille respective. Cette décision leur réussira-t-elle ou causera-t-elle leur perte ?</t>
  </si>
  <si>
    <t>P0855585</t>
  </si>
  <si>
    <t>Pêche à haut risque : L’attaque de la meute</t>
  </si>
  <si>
    <t>Attack of The Pack</t>
  </si>
  <si>
    <t>La situation se complique pour les capitaines lorsque de nombreux bateaux affluent en mer pour le week-end. Le Hot Tuna hésite à prendre le risque de quitter un vivier de thons rouges afin de remonter le classement. Face à la détermination du FV-Tuna.Com et du Pinwheel à grimper jusqu’à la première place, la flotte doit montrer qu’elle est capable de débusquer le thon rouge et de se démarquer.</t>
  </si>
  <si>
    <t>P0884851</t>
  </si>
  <si>
    <t>Ultimate Airport : Amérique latine - Des parents pas comme les autres</t>
  </si>
  <si>
    <t>Airport Security Compilations</t>
  </si>
  <si>
    <t>All In The Family</t>
  </si>
  <si>
    <t>Dans cet épisode, plusieurs parents accompagnés de leurs enfants se voient arrêtés pour trafic de drogue. En route pour Barcelone, une maman transporte de la cocaïne dans des emballages alimentaires. Un père de famille fait ses aveux. Ses enfants sous le bras, une mère quitte le pays en utilisant de faux papiers. Aidés par les autorités, une femme et son bébé entrent sur le territoire. Un couple défie les apparences et une femme ne recule devant rien pour porter assistance à sa fille.</t>
  </si>
  <si>
    <t>La route de l'enfer : Norvège - Pagaille nocturne</t>
  </si>
  <si>
    <t>Moonlight Mayhem</t>
  </si>
  <si>
    <t>Alors que le temps presse et que les agents de police font monter la tension, Thord se démène pour remettre un véhicule à 16 roues sur la bonne voie.</t>
  </si>
  <si>
    <t>La route de l'enfer : Norvège - Panique au sommet</t>
  </si>
  <si>
    <t>Tough At The Top</t>
  </si>
  <si>
    <t>Alors qu’une foreuse se retrouve suspendue au-dessus d’une falaise de 15 mètres de hauteur, Ole Henrik doit prendre une décision délicate qui pourrait bien lui coûter la vie.</t>
  </si>
  <si>
    <t>P0867681</t>
  </si>
  <si>
    <t>La route de l'enfer : Norvège - L’échafaud</t>
  </si>
  <si>
    <t>The Gallows</t>
  </si>
  <si>
    <t>Alors qu’un blizzard s’abat sur les montagnes, un conducteur se retrouve pris au cœur de la tempête. Malgré son bras endolori, Bjoern part à sa rescousse. Sur le secteur de Thord, la colline tristement célèbre surnommée « l’échafaud » a fait une nouvelle victime. Le véhicule d’un routier étranger est immobilisé et nécessite l’intervention du dépanneur. Le chauffeur semble peu habitué aux conditions hivernales sur les routes norvégiennes, ce qui complique encore davantage son remorquage.</t>
  </si>
  <si>
    <t>P0874405</t>
  </si>
  <si>
    <t>La route de l'enfer : Norvège - Nouveau commencement</t>
  </si>
  <si>
    <t>Captain Chaos</t>
  </si>
  <si>
    <t>Tout au long de l’hiver, nos héros-dépanneurs ont dû faire face à des phénomènes climatiques extrêmes et imprévisibles. Cela ne suffit pas à décourager Thord, qui regarde vers l’avenir et part à la rencontre d’une entreprise concurrente qu’il aimerait racheter afin d’étendre son activité. Il emmène Bjoern avec lui, lequel a souffert d’une blessure au bras toute la saison. L’hiver touche à sa fin, mais annonce peut-être un nouveau départ.</t>
  </si>
  <si>
    <t>01/12/2020</t>
  </si>
  <si>
    <t>P0711877</t>
  </si>
  <si>
    <t>Détourner le système : En voiture</t>
  </si>
  <si>
    <t>Hacking The System</t>
  </si>
  <si>
    <t>Hack Your Car</t>
  </si>
  <si>
    <t>00:35</t>
  </si>
  <si>
    <t xml:space="preserve">Cette semaine, Brian Brushwood se concentre sur le domaine automobile. Dans une démonstration effrontée, il vous explique ce que recherchent les voleurs de voitures dans un véhicule et vous donne des astuces pour éviter d'en être la cible. Retrouvez-le dans une expérience sous tension où il aura besoin de tous ses talents pour échapper à une amende pour excès de vitesse sur une autoroute déserte! </t>
  </si>
  <si>
    <t>07:30:00:00</t>
  </si>
  <si>
    <t>P0851995</t>
  </si>
  <si>
    <t>Science of Stupid : La météo</t>
  </si>
  <si>
    <t>Science of Stupid Weather</t>
  </si>
  <si>
    <t>07:50:00:00</t>
  </si>
  <si>
    <t>P0853002</t>
  </si>
  <si>
    <t>Science of Stupid : Les jeux</t>
  </si>
  <si>
    <t>Science of Stupid Games</t>
  </si>
  <si>
    <t>08:15:00:00</t>
  </si>
  <si>
    <t>N0014511</t>
  </si>
  <si>
    <t>Air Crash : Vol en éclats</t>
  </si>
  <si>
    <t>Shattered In Seconds</t>
  </si>
  <si>
    <t>Un 747 explose au large de Taiwan avec à son bord 225 passagers. Que s'est-il passé ? 
25 mai 2002. 639 pièces d'un avion en direction de Hong Kong sont repêchées en pleine mer. 639 morceaux d'une épave calcinée qui ne font qu'épaissir le mystère du vol China Airline 611. Mais quand les enquêteurs tombent sur le 740ème morceau, ils découvrent la preuve qui explicite pourquoi un 747 ultramoderne, avec à son bord 225 passagers, a été littéralement coupé en deux, vingt-deux minutes après son décollage de l'aéroport de Taiwan. Les experts taiwanais et américains envisagent toutes les solutions : un missile chinois aurait détruit l'avion en plein vol, une bombe aurait explosé à bord, le réservoir de kérosène se serait embrasé... L'énigme du Vol 611 est enfin résolue et la solution remonte... quelque vingt-deux ans plus tôt.</t>
  </si>
  <si>
    <t>N0017869</t>
  </si>
  <si>
    <t>La minute de vérité : Éruption à Montserrat</t>
  </si>
  <si>
    <t>Eruption On Montserrat</t>
  </si>
  <si>
    <t>Avec ces belles plages de sable fin, Montserrat est un paradis dans les Caraïbes. Mais cette île de rêve abrite une menace mortelle : le volcan de la Soufrière.</t>
  </si>
  <si>
    <t>09:50:00:00</t>
  </si>
  <si>
    <t>N0016130</t>
  </si>
  <si>
    <t>Travaux musclés : Le tower bridge</t>
  </si>
  <si>
    <t>Uk Big Bridge</t>
  </si>
  <si>
    <t>00:55</t>
  </si>
  <si>
    <t>Sean Riley participe à la réparation de trois des plus grands ponts du Royaume-Uni : le Tower Bridge à Londres, le Forth Bridge et le Forth Road Bridge en Ecosse.</t>
  </si>
  <si>
    <t>10:40:00:00</t>
  </si>
  <si>
    <t>N0016114</t>
  </si>
  <si>
    <t>Travaux musclés : Gouvernail géant</t>
  </si>
  <si>
    <t>50 Ton Rudder</t>
  </si>
  <si>
    <t>"Travaux musclés" vous emmène, avec Sean Riley - passionné d'ingénierie et accro à l'adrénaline - au coeur de réparations incroyables. Qu'il se retrouve suspendu par des cordes à des dizaines de mètres du sol ou qu'il plonge à proximité des hélices d'un navire, les prouesses de Sean vous feront découvrir la face cachée des constructions de grande envergure.</t>
  </si>
  <si>
    <t>11:30:00:00</t>
  </si>
  <si>
    <t>N0026782</t>
  </si>
  <si>
    <t>Car S.O.S. : L'AC Aceca</t>
  </si>
  <si>
    <t>Ac Aceca</t>
  </si>
  <si>
    <t>Une des plus belles voitures de sport anglaises est l'AC Aceca même si on connait mieux la voiture qui lui a succédé : l'AC Cobra. Tim et Fuzz partent s'occuper d'un véhicule qui rouille dans un garage à cause de la santé de son propriétaire.</t>
  </si>
  <si>
    <t>12:20:00:00</t>
  </si>
  <si>
    <t>P0893996</t>
  </si>
  <si>
    <t>Ultimate Supercar : Bentley Continental GT</t>
  </si>
  <si>
    <t>Bentley Continental Gt</t>
  </si>
  <si>
    <t>Véritable chouchou des rappeurs, des athlètes vedettes, des millionnaires comme des milliardaires, la Bentley Continental GT est la voiture de grand tourisme haut de gamme qui a rencontré le plus grand succès ces 15 dernières années. Afin de s’assurer que son bolide phare reste dans la course, Bentley présente désormais son nouveau modèle de troisième génération.</t>
  </si>
  <si>
    <t>13:10:00:00</t>
  </si>
  <si>
    <t>P0867255</t>
  </si>
  <si>
    <t>Black Market : Pirates</t>
  </si>
  <si>
    <t>Underworld Inc</t>
  </si>
  <si>
    <t>Pirates</t>
  </si>
  <si>
    <t>Black Market est de retour pour une nouvelle plongée dans les économies illégales du monde entier. Marge de la société, sous-cultures, crime, découvrez le monde comme vous ne l'aviez jamais vu auparavant.</t>
  </si>
  <si>
    <t>14:00:00:00</t>
  </si>
  <si>
    <t>N0025458</t>
  </si>
  <si>
    <t>Black Market : L'or sale</t>
  </si>
  <si>
    <t>Fracking Hell</t>
  </si>
  <si>
    <t>À Williston, dans le Dakota du Nord, un boom de l'exploitation pétrolière a amené des dizaines de milliers d'ouvriers dans cette ville autrefois endormie. Mais la " ruée vers l'or noir " du 21ème siècle a également attiré en ville les opérateurs du marché noir. Les gangs de motards extorquent les bars de Williston et les clubs de striptease, tandis que les proxénètes gagnent des millions grâce à la prostitution. Mais avec le déclin de l'industrie du pétrole, les criminels doivent s'adapter. Les travailleurs du pétrole licenciés deviennent les criminels les plus ingénieux de ce monde souterrain. La drogue alimente le problème. La criminalité liée à la meth est en hausse de 78%. Et le problème de criminalité de Williston s'étend maintenant jusqu'aux portes de la réserve tribale de Fort Berthold où un service de police de 12 hommes tente de lutter contre ce fléau.</t>
  </si>
  <si>
    <t>14:50:00:00</t>
  </si>
  <si>
    <t>N0025459</t>
  </si>
  <si>
    <t>Black Market : Les dessous de Las Vegas</t>
  </si>
  <si>
    <t>Las Vegas Hustle</t>
  </si>
  <si>
    <t>Tricheurs de cartes, voleurs armés, arnaqueurs, tous les criminels des États-Unis font des casinos de Las Vegas leurs terrains de jeu. Pour se défendre, les casinos sont devenus de véritables organisations de lutte contre la criminalité, déployant des systèmes de surveillance dernier cri et plus de 5 000 agents de sécurité. Dans cette guerre contre le crime, le changement est un facteur constant, et les criminels réagissent à la répression des casinos avec des moyens toujours plus innovants et inventifs. Les casinos doivent rester au top. Leur survie est en jeu.</t>
  </si>
  <si>
    <t>N0025435</t>
  </si>
  <si>
    <t>Black Market : Économie souterraine</t>
  </si>
  <si>
    <t>The Black Market</t>
  </si>
  <si>
    <t>Des téléphones portables aux armes à feu, les voleurs de marchandises coûtent chaque année 30 milliards de dollars à l'économie américaine. Le nombre incalculable de personnes prêtes à acheter à bas prix sans poser de question alimente l'industrie du vol. Organisés dans un vaste réseau criminel qui s'étend bien au-delà des frontières nationales, les voleurs travaillent ensemble pour fournir des produits à des clients dans le monde entier. Mais conclure une vente nécessite d'avoir de bons contacts. Des entreprises de logistique illégales assurent le mouvement fluide des produits volés. Mais la police a décidé de changer de tactique et d'élaborer de nouvelles stratégies pour prendre ces criminels la main dans le sac. D'opérations d'infiltration à la vérification de chaque téléphone cellulaire qui traverse le pays, la police se rapproche.</t>
  </si>
  <si>
    <t>N0025772</t>
  </si>
  <si>
    <t>Black Market : Ruses et combines</t>
  </si>
  <si>
    <t>Underworld Inc: Tricks Of The Trade</t>
  </si>
  <si>
    <t>Underworld Inc: Tricks Of The Trade, 1</t>
  </si>
  <si>
    <t>Découvrez le marché noir de l'intérieur grâce à une plongée sans précèdent dans l'univers des trafiquants. Des ateliers d'armes philippins aux bordels de New York, cette série plonge au coeur du commerce illégal. Suivez le parcours d'impitoyables trafiquants, des officiers de police qui les traquent mais aussi des victimes de ces trafics.</t>
  </si>
  <si>
    <t>P0855586</t>
  </si>
  <si>
    <t>Pêche à haut risque : Alliances maritimes</t>
  </si>
  <si>
    <t>Double Team</t>
  </si>
  <si>
    <t>Nous arrivons à la moitié de la saison de la pêche au thon rouge et chaque seconde est comptée. Alors que les adversaires de longue date que sont le FV-Tuna.Com et le Pinwheel continuent de se disputer la première place du classement, de nouvelles alliances menacent leur hégémonie. Le Hot Tuna et le Falcon s’associent et Paul Hebert reprend du poil de la bête. Mais la confiance reste fragile, tout comme la perspective de fins de mois juteuses et le titre de champion.</t>
  </si>
  <si>
    <t>P0855587</t>
  </si>
  <si>
    <t>Pêche à haut risque : Les flots se déchaînent</t>
  </si>
  <si>
    <t>Wicked Waves</t>
  </si>
  <si>
    <t>Une tempête se profile à l’horizon… Face aux courroux de Dame Nature, la flotte fait face à un choix cornélien : prendre le risque de rester ou abandonner la course. Le Pinwheel et le FV-Tuna.Com se sont disputé la première place du classement tout au long de la saison. À l’approche des intempéries, les poissons mordent et le titre est à saisir. Qui sera prêt à tout pour s’en emparer ?</t>
  </si>
  <si>
    <t>P0884880</t>
  </si>
  <si>
    <t>Ultimate Airport : Amérique latine - Aveux forcés</t>
  </si>
  <si>
    <t>Detained And Defiant</t>
  </si>
  <si>
    <t>Bien qu’elles refusent souvent de coopérer avec les autorités, les mules finissent toujours par céder à la pression. Dans cet épisode, des sœurs assurent ne pas avoir ingéré de substance illicite, avant d’éclater en sanglots lorsque l’une d’entre elles révèle sa grossesse. Un individu en état d’ébriété soutient que son bagage enregistré ne lui appartient pas, jusqu’à ce qu’il soit arrêté et passe aux aveux. Une jeune femme qui clame son innocence est soupçonnée de souffrir d’une maladie mentale. Enfin, un jeune homme en possession de cocaïne liquide finit par craquer et lâcher le morceau.</t>
  </si>
  <si>
    <t>Ultimate Airport Pérou et Brésil : Opération infiltrée</t>
  </si>
  <si>
    <t>Undercover Operation</t>
  </si>
  <si>
    <t>Au programme de cet épisode : de la cocaïne dans des sous-vêtements, un coup de filet sous couverture et un couple douteux soupçonné d’être en lien avec un réseau de trafic de drogue.</t>
  </si>
  <si>
    <t>Ultimate Airport Pérou et Brésil : La main dans le sac</t>
  </si>
  <si>
    <t>Triple Trafficker Takedown</t>
  </si>
  <si>
    <t>Dans cet épisode, des policiers mettent la main sur trois trafiquants à bord d’un avion. Alors qu’une future maman transporte de la cocaïne estampillée de logos étranges, deux autres femmes sont arrêtées en possession de montres contrefaites.</t>
  </si>
  <si>
    <t>P0811791</t>
  </si>
  <si>
    <t>Ultimate Airport Dubai: Episode 31</t>
  </si>
  <si>
    <t>Ultimate Airport Dubai Compilations</t>
  </si>
  <si>
    <t>Ultimate Airport Dubai Compilations 1, 1</t>
  </si>
  <si>
    <t xml:space="preserve">Parmi les menaces pesant sur les 250 000 passagers qui transitent chaque jour par ce carrefour international : un passager malade potentiellement atteint du virus mortel d’Ebola ainsi qu’un drone non identifié. Ultimate Airport Dubai pénètre pour la première fois dans les coulisses de l’aéroport, où Cat Stevens est en passe de manquer la cérémonie de son entrée au Panthéon du Rock and Roll de Cleveland à cause de problèmes avec l’Office de l’immigration des États-Unis.
</t>
  </si>
  <si>
    <t>P0811792</t>
  </si>
  <si>
    <t>Ultimate Airport Dubai: Episode 32</t>
  </si>
  <si>
    <t>Ultimate Airport Dubai Compilations 1, 2</t>
  </si>
  <si>
    <t>Plus de 90 000 personnes travaillent à l’aéroport de Dubaï. Cette équipe compétente gère le stress quotidien qu’implique de travailler dans l’un des plus grands aéroports du monde. Les agents des douanes découvrent une pieuvre séchée dans le sac d’un homme soupçonné de pratiquer la magie noire. Mel, un directeur, se retrouve confronté à une potentielle émeute lorsqu’un attentat terroriste au Pakistan engendre l’annulation de tous les vols en direction de ce pays. L’équipe doit également superviser le transfert en espèces de 20 millions de dollars vers le Royaume-Uni.</t>
  </si>
  <si>
    <t>02/12/2020</t>
  </si>
  <si>
    <t>N0023609</t>
  </si>
  <si>
    <t>Détourner le système : A la maison</t>
  </si>
  <si>
    <t>Hack Your Home</t>
  </si>
  <si>
    <t xml:space="preserve">Cette semaine, Brian Brushwood s'intéresse à la sécurité de votre domicile. Pour démontrer la vulnérabilité de la grande majorité des maisons américaines, Brian décide de s'introduire dans l'une d'entre elle. Il vous montre également ce que cherchent les criminels lorsqu'ils rentrent par effraction sur une propriété et explique comment ils arrivent à se déjouer des serrures et des systèmes d'alarme. Mais ouvrir une porte à coup de pied comme dans un film n'est peut-être pas aussi facile que les héros vous laissent l'imaginer. </t>
  </si>
  <si>
    <t>N0019903</t>
  </si>
  <si>
    <t>Brain Games : Testez votre cerveau - C'est l'heure !</t>
  </si>
  <si>
    <t>Brain Games</t>
  </si>
  <si>
    <t>It's About Time</t>
  </si>
  <si>
    <t>C'est ce qui vous réveille le matin, vous permet de savoir quand votre repas est prêt et de savoir quand aller travailler. C'est lui qui fait la différence entre les catastrophes et les évènements manqués de justesse. On parle bien évidemment du temps. Cet épisode explore comment le cerveau peut mesurer quelque chose d'aussi abstrait et invisible. Vous allez découvrir pourquoi le temps passe vite quand vous vous amusez et ralentit lorsque vous êtes en danger. Le plus important, nous allons vous montrer comment faire en sorte que les années qui passent ne vous filent pas entre les mains...</t>
  </si>
  <si>
    <t>N0019718</t>
  </si>
  <si>
    <t>Brain Games : Testez votre cerveau - Focus Pocus</t>
  </si>
  <si>
    <t>Focus Pocus</t>
  </si>
  <si>
    <t>Pensez-vous que votre champ de vision est vraiment au point ou que votre cerveau se concentre seulement sur ce qui se passe en face de vous ? Vous pensez savoir exactement ce qui est le plus important à un moment donné ? Détrompez-vous. Cet épisode de Brain Games met votre concentration et votre attention à rude épreuve avec une série d'expériences fascinantes montrant comment votre matière grise peut choisir sur quoi se concentrer à un moment précis !</t>
  </si>
  <si>
    <t>N0014512</t>
  </si>
  <si>
    <t>Air Crash : L'attentat de Lockerbie</t>
  </si>
  <si>
    <t>Lockerbie</t>
  </si>
  <si>
    <t>La catastrophe aérienne de Lockerbie a été la plus grande attaque terroriste contre les Etats-Unis avant les événements du 11 septembre. Découvrez la véritable histoire derrière cette tragédie.</t>
  </si>
  <si>
    <t>N0016498</t>
  </si>
  <si>
    <t>La minute de vérité : Explosion au Texas</t>
  </si>
  <si>
    <t>Texas Oil Explosion</t>
  </si>
  <si>
    <t>Texas City abrite une des plus grandes raffineries des Etats-Unis. Le 23 mars 2005, elle devint le théâtre du plus grand accident chimique de ces 15 dernières années.</t>
  </si>
  <si>
    <t>N0016245</t>
  </si>
  <si>
    <t>Travaux musclés : Remontées mécaniques</t>
  </si>
  <si>
    <t>Extreme Lift</t>
  </si>
  <si>
    <t xml:space="preserve">Dans cet épisode, Sean se rend dans le Wyoming pour reconstruire une des premières remontées mécaniques du pays. Mais il ne s'agit pas d'une réparation ordinaire. La construction dans exige l'emploi d'un hélicoptère très robuste qui sera utilisé comme une grue. Des tonnes d'acier survoleront les têtes au beau milieu d'un terrain accidenté. Cette opération va être véritablement démente ! </t>
  </si>
  <si>
    <t>N0016216</t>
  </si>
  <si>
    <t>Travaux musclés : Energie solaire</t>
  </si>
  <si>
    <t>Solar Tower</t>
  </si>
  <si>
    <t>Sean Riley vous fait découvrir l'exploitation de l'énergie solaire en intégrant l'équipe chargée d'installer deux chaudières au sommet de deux tours surplombant un champ de miroirs.</t>
  </si>
  <si>
    <t>P0718050</t>
  </si>
  <si>
    <t>Car S.O.S. : La Datsun 240Z</t>
  </si>
  <si>
    <t>Datsun 240z</t>
  </si>
  <si>
    <t>Aujourd'hui, Tim et Fuzz partent dans le Sussex, à la rescousse d'un véhicule iconique des années 1970 : la Datsun 240Z, la première voiture japonaise à connaître un succès à l'exportation. Son propriétaire, Paul, adore cette voiture mais sa restauration nécessitant trop de travail, il l'a abandonné dans son garage. Sa famille fait donc appel à l'équipe de Car SOS pour restaurer le véhicule et faire une surprise à Paul, afin de le remercier pour son travail au sein de la communauté.</t>
  </si>
  <si>
    <t>P0893997</t>
  </si>
  <si>
    <t>Lamborghini Aventador Svj</t>
  </si>
  <si>
    <t>La Lamborghini Aventador SVJ est la plus bruyante, la plus tape-à-l’œil et la plus audacieuse des supercars haut de gamme et très probablement le dernier véhicule italien à moteur V12 à aspiration naturelle jamais conçu et produit par la marque automobile au taureau de Sant’Agata Bolognese.</t>
  </si>
  <si>
    <t>N0017466</t>
  </si>
  <si>
    <t>Chasseurs d'OVNIS : Zone d'atterissage</t>
  </si>
  <si>
    <t>Chasing UFOs</t>
  </si>
  <si>
    <t>UFO Landing Zone?</t>
  </si>
  <si>
    <t>Roswell, au Nouveau-Mexique, est une ville citée dans de nombreux rapports concernant les objets volants non identifiés. Une vidéo amateur a, en particulier, attiré l'attention de nos Chasseurs d'OVNIS. Cette vidéo montre-t-elle réellement le  crash d'un vaisseau spatial extraterrestre? Equipé de caméras infrarouges, l'équipe enquête sur le site de l'accident présumé.</t>
  </si>
  <si>
    <t>N0017496</t>
  </si>
  <si>
    <t>Chasseurs d'OVNIS : Dans le ciel du Texas</t>
  </si>
  <si>
    <t>Texas Is For Sightings</t>
  </si>
  <si>
    <t xml:space="preserve">Aujourd'hui, Ryder, James et Ben enquêtent sur un mystérieux phénomène : plus de trente témoins déclarent avoir vu d'étranges lumières clignotantes dans le ciel du Texas. L'équipe se rend sur les lieux, mais quand Ryder pense apercevoir ces mystérieuses lumières il doute : serait-ce un simple avion ou alors OVNI ? C'est à eux de le découvrir. </t>
  </si>
  <si>
    <t>N0017516</t>
  </si>
  <si>
    <t>Chasseurs d'OVNIS : Secret Défense</t>
  </si>
  <si>
    <t>Dirty Secrets</t>
  </si>
  <si>
    <t>Les habitants du centre Californie sont inquiets : depuis un certain temps, d'étranges objets volants semblent planer dans la nuit étoilée. Certains pensent qu'il s'agit d'un complot du gouvernement : envoyer des OVNI pour espionner les citoyens de la ville. Notre équipe d'experts se rend sur les lieux pour essayer de démanteler ce mystère.  Mais quand d'autres témoins déclarent avoir étés suivis par ces drôles de lumières, le mystère se fait alors encore plus grand : le gouvernement aurait-il quelque chose à cacher ?</t>
  </si>
  <si>
    <t>N0017509</t>
  </si>
  <si>
    <t>Chasseurs d'OVNIS : Au pays des Cowboys</t>
  </si>
  <si>
    <t>Alien Cowboys</t>
  </si>
  <si>
    <t>Des témoignages d'animaux mutilés et d'enlèvements d'extraterrestres amènent notre équipe au Colorado, dans la ville de San Luis. Les habitants partagent leurs histoires avec enthousiasme : des lumières vertes clignotantes aux soucoupes volantes, Ryder, Ben et James font la rencontre de personnes aux histoires aussi folles qu'extraordinaires.</t>
  </si>
  <si>
    <t>N0017518</t>
  </si>
  <si>
    <t>Chasseurs d'OVNIS : Les Lumières de Phoenix</t>
  </si>
  <si>
    <t>Abducted In Arizona</t>
  </si>
  <si>
    <t xml:space="preserve">En 1993, une histoire bouleverse la ville de Phoenix en Arizona. Des centaines de témoins déclarent avoir observé une formation triangulaire de lumières, volant au-dessus d'eux. Terry Connet, l'un des témoins, réussit à capturer le phénomène sur vidéo, qu'il montre à notre équipe d'experts. Si l'armée déclare qu'il s'agit tout simplement de fusées lancées depuis la base de l'armée de terre, tout le monde n'en est pas convaincu... </t>
  </si>
  <si>
    <t>P0855588</t>
  </si>
  <si>
    <t>Pêche à haut risque : Course contre la montre</t>
  </si>
  <si>
    <t>One For The Money</t>
  </si>
  <si>
    <t>Alors que la compétition a fait rage toute la saison et que de nombreux poissons ont été pêchés, la prise quotidienne de trois thons rouges risque de se réduire. Le temps presse et la pression croissante pousse les capitaines et leur équipage jusqu’à leur point de rupture. Tandis que certains bateaux doivent saisir leur dernière opportunité pour prendre l’avantage, la fin semble proche pour d’autres.</t>
  </si>
  <si>
    <t>P0855589</t>
  </si>
  <si>
    <t>Pêche à haut risque : Du sang dans l’eau</t>
  </si>
  <si>
    <t>Blood In The Water</t>
  </si>
  <si>
    <t>Au cours de la dixième semaine de cette saison de pêche, les pêcheurs ne capturent plus trois mais un poisson par jour. À mesure que la pression s’intensifie, le FV-Tuna.com et le Wicked Pissah s’en tiennent à la pêche côtière, pendant que le Fish Hawk et le Hot Tuna prennent le risque de pêcher au large. Le Pinwheel change complètement de stratégie et choisit de pêcher à proximité de chez lui. Le Falcon, quant à lui, joue le tout pour le tout et s’aventure au loin pour un poisson.</t>
  </si>
  <si>
    <t>P0884964</t>
  </si>
  <si>
    <t>Ultimate Airport : Amérique latine - Haute trahison</t>
  </si>
  <si>
    <t>Busted And Betrayed</t>
  </si>
  <si>
    <t>Face aux mules qui s’ignorent, les autorités des aéroports de Colombie et du Pérou doivent rester sur leurs gardes. À la demande de son petit-ami, une femme transporte des bouteilles dont elle méconnaissait le contenu, qui se révèle être de la cocaïne liquide. Un homme dissimulant de la poudre blanche dans sa valise accuse son gendre. Une Américaine serait tombée dans le trafic de drogue contre son gré. Un ouvrier du bâtiment reçoit un sac rempli de cocaïne. Un Ukrainien affirme avoir trahi et dupé son ami.</t>
  </si>
  <si>
    <t>P0930545</t>
  </si>
  <si>
    <t>Ultimate airport : USA -Trafiquant infiltré</t>
  </si>
  <si>
    <t>Inside Job</t>
  </si>
  <si>
    <t>À l’aéroport John F. Kennedy de New York, les agents de la Sécurité intérieure enquêtent sur un bagagiste douteux. Ils mettent alors au jour un réseau criminel international prenant appui sur des employés de compagnies aériennes pour faire entrer de la cocaïne sur le sol américain. De nouvelles informations permettent des arrestations et des saisies dans tout le pays, dont un démantèlement devant un terminal de l’aéroport new-yorkais. À Miami, les douaniers suspectent une passagère de dissimuler de la cocaïne dans ses chaussures. De leur côté, les policiers de Los Angeles sévissent contre le trafic de contrefaçon et confisquent des articles frauduleux d’une valeur estimée à 500 000 dollars.</t>
  </si>
  <si>
    <t>P0828303</t>
  </si>
  <si>
    <t>Air Crash : Les dangers de l’hiver</t>
  </si>
  <si>
    <t>Dead of Winter</t>
  </si>
  <si>
    <t>À destination de Boise, dans l’État américain de l’Idaho, le vol 1713 de Continental Airlines est retenu sur le tarmac de Denver, où les contrôleurs aériens peinent à respecter les heures de départ en raison des chutes de neige. Le Douglas DC-9 reçoit enfin l’autorisation de décoller. Alors qu’il quitte à peine le sol, il effectue un virage brusque et s’écrase. Les enquêteurs ne trouvent rien de suspicieux sur l’appareil mais ce qu’ils finiront par découvrir changera à jamais la sécurité des vols commerciaux.</t>
  </si>
  <si>
    <t>P0752840</t>
  </si>
  <si>
    <t>Air Crash : Attitude mortelle</t>
  </si>
  <si>
    <t>Killer Attitude</t>
  </si>
  <si>
    <t xml:space="preserve">Après un vol de routine d'une heure en partance de Minneapolis, le vol Northwest Airlink 5719 se crashe dans le nord du Minnesota, tuant tout le monde à bord. Les enquêteurs subissent des pressions énormes pour déterminer la cause du drame. L'enregistreur de voix du cockpit soulève des questions troublantes au sujet d'un pilote inexpérimenté. Mais au fur et à mesure que les enquêteurs creusent davantage, ils découvrent un schéma abusif qui a donné lieu à un manque de coopération des membres d'équipage. 
</t>
  </si>
  <si>
    <t>P0752841</t>
  </si>
  <si>
    <t>Air Crash : Mythe mortel</t>
  </si>
  <si>
    <t>Deadly Myth</t>
  </si>
  <si>
    <t xml:space="preserve">Lorsqu'un vol régional à destination de Detroit se termine en une spirale mortelle, c'est aux enquêteurs d'en déterminer la cause et d'empêcher un tel accident de se reproduire. Ils étudient les débris de l'avion à la recherche d'indices, et une analyse minutieuse des informations de vol finit par les mener à une conclusion incroyable : le vol 3272 était un danger connu de l'industrie depuis des années. 
</t>
  </si>
  <si>
    <t>P0839916</t>
  </si>
  <si>
    <t>Air Crash : Catastrophe à Bucarest</t>
  </si>
  <si>
    <t>Fatal Climb</t>
  </si>
  <si>
    <t>Quelques minutes après son décollage de Bucarest, en Roumanie, le vol 371 de la compagnie Tarom s’incline brusquement sur la gauche, modifie sa trajectoire et s’écrase dans un champ. Il s’agit de la catastrophe aérienne la plus meurtrière de l’histoire du pays et les rumeurs d’une bombe à bord ne tardent pas à aller bon train dans les journaux nationaux à la récente liberté de parole. Les enquêteurs roumains font appel au FBI afin de déterminer la nature de l’événement – accident ou homicide. Mais ce sera la voix du commandant de bord lui-même qui lèvera le voile sur la cause réelle du désastre.</t>
  </si>
  <si>
    <t>03/12/2020</t>
  </si>
  <si>
    <t>N0023610</t>
  </si>
  <si>
    <t>Détourner le système : Sécurité garantie</t>
  </si>
  <si>
    <t>Personal Security</t>
  </si>
  <si>
    <t xml:space="preserve">Aujourd'hui, votre sécurité personnelle est remise en cause de nombreuses manières et dans de nombreuses situations. Un mot de passe piraté, un relevé de banque volé ou encore un clic de souris malencontreux et vos finances personnelles peuvent être sévèrement affectées. Alors comment se protéger des risques que vous font encourir ces nouveaux criminels ? C'est ce que Brian Brushwood tente de vous apprendre dans ce nouvel épisode. Découvrez ses astuces pour protéger votre identité des escrocs. </t>
  </si>
  <si>
    <t>N0019900</t>
  </si>
  <si>
    <t>Brain Games : Testez votre cerveau - Pas de panique !</t>
  </si>
  <si>
    <t>Don't Be Afraid</t>
  </si>
  <si>
    <t>Quand il s'agit de la peur, nous sommes parfois à la merci de notre cerveau. Mais vous serez surpris d'apprendre qu'une bonne dose de peur est parfois bonne pour la santé. Cet épisode de Brain Games vous dit tout sur la peur et la surprise. Des scientifiques vous nous expliquer comment la peur peut décupler nos capacités, pourquoi il nous arrive d'avoir la chair de poule et pourquoi nous ne devrions pas craindre d'avoir peur !</t>
  </si>
  <si>
    <t>N0019899</t>
  </si>
  <si>
    <t>Brain Games : Testez votre cerveau - Action - réaction</t>
  </si>
  <si>
    <t>Motion Commotion</t>
  </si>
  <si>
    <t>Évoluant dans un monde constamment en mouvement, notre cerveau s'est développé de manière sophistiqué pour survivre. Dans cet épisode de Brain Games une question faussement simple se pose : qu'est-ce que réellement le mouvement ? Nous explorons la façon dont notre cerveau détecte, interprète et réagit aux mouvements et comment il peut être dupe dans certaines situations.</t>
  </si>
  <si>
    <t>N0014510</t>
  </si>
  <si>
    <t>Air Crash : Débris fantômes</t>
  </si>
  <si>
    <t>Silent Killer</t>
  </si>
  <si>
    <t>Au cours du désastre aérien le plus meurtrier de l'histoire de la Norvège, un avion occupé par des passagers primés a disparu dans la mer en 1989. Découvrez la cause de ce crash tragique.</t>
  </si>
  <si>
    <t>N0016295</t>
  </si>
  <si>
    <t>La minute de vérité : La navette Challenger</t>
  </si>
  <si>
    <t>Space Shuttle Challenger</t>
  </si>
  <si>
    <t>Le 28 janvier 1986, la navette Challenger tentait d'entrer dans l'Histoire en emmenant le premier civil dans l'espace, mais en 73 secondes, la navette se transforma en une effroyable boule de feu.</t>
  </si>
  <si>
    <t>N0015977</t>
  </si>
  <si>
    <t>Travaux musclés : Pont de San Francisco</t>
  </si>
  <si>
    <t>San Francisco Bay Bridge</t>
  </si>
  <si>
    <t xml:space="preserve">Le monde regardait lorsqu'une partie du pont de San Francisco s'est écroulait en 1989. Cette partie fut réparée, mais maintenant une autre section pose problème...et si un nouveau tremblement de terre survenait, les conséquences peuvent être dramatiques. Les ingénieurs ont commencé à construire un nouveau pont juste à côté de l'ancien, mais celui-ci est loin d'être fini. C'est pourquoi ils ont décidé de réparer temporairement le vieux pont en connectant l'ancien et le nouveau grâce à une section du premier. Ces travaux sont colossaux, et doivent être réalisés en un week end. C'est là que Sean Riley et son équipe interviennent. </t>
  </si>
  <si>
    <t>N0016191</t>
  </si>
  <si>
    <t>Travaux musclés : Accélérateur de particules</t>
  </si>
  <si>
    <t>Atom Smasher</t>
  </si>
  <si>
    <t>Sean Riley s'affaire à la réparation du plus grand accélérateur de particules jamais construit, situé à 300 mètres sous terre.</t>
  </si>
  <si>
    <t>N0026788</t>
  </si>
  <si>
    <t>Car S.O.S. : La BMW 2002 Turbo</t>
  </si>
  <si>
    <t>BMW 2002 Turbo</t>
  </si>
  <si>
    <t xml:space="preserve">A la fin des années 1960, BMW essaie d'infiltrer le marché américain. Elle y parvient grâce au modèle 2002 qui débarque aux États-Unis en 1967 et connaît un succès immédiat. Sans se reposer sur ses lauriers, la marque de voitures développe une version turbo de la 2002. C'est à ce véhicule d'exception que Tim et Fuzz portent aujourd'hui secours, alors qu'il rouille dans le garage de son propriétaire. </t>
  </si>
  <si>
    <t>P0893999</t>
  </si>
  <si>
    <t>Porsche Taycan</t>
  </si>
  <si>
    <t>Après une course contre la montre et contre ses concurrents, Porsche présente son tout premier modèle entièrement électrique. Peu de véhicules dans l’industrie automobile ont autant fait mouche et misé sur leur succès que la Taycan.</t>
  </si>
  <si>
    <t>N0016504</t>
  </si>
  <si>
    <t>Megafactories : Ferrari</t>
  </si>
  <si>
    <t>Ferrari</t>
  </si>
  <si>
    <t>Dans une usine top secrète en Italie, vous allez pouvoir suivre la création de la toute dernière Ferrari. Apprenez les secrets de son design tout au long de sa chaîne de fabrication.</t>
  </si>
  <si>
    <t>N0016217</t>
  </si>
  <si>
    <t>Megafactories : Lamborghini</t>
  </si>
  <si>
    <t>Lamborghini</t>
  </si>
  <si>
    <t xml:space="preserve">L'usine Lamborghini en Italie produit la Murcielago, une des voitures les plus rapides. Son assemblage et sa peinture sont réalisés en grande partie à la main, ce qui explique la faible production quotidienne de l'usine, avec 2,7 voitures par jour. </t>
  </si>
  <si>
    <t>N0013694</t>
  </si>
  <si>
    <t>Megafactories : Porsche</t>
  </si>
  <si>
    <t>Porsche</t>
  </si>
  <si>
    <t>Sortie en 1964, la Porsche 911 est aujourd'hui une des voitures de sport les plus prisées. Toujours produite dans l'usine de Stuttgart, en Allemagne, où le premier modèle fût construit, la Porsche 911 a connu quatorze variations depuis ses débuts.</t>
  </si>
  <si>
    <t>N0016107</t>
  </si>
  <si>
    <t>Megafactories : Rolls Royce</t>
  </si>
  <si>
    <t>Rolls Royce</t>
  </si>
  <si>
    <t>Avec sa carrosserie en aluminium super résistant, ses luxueuses boiseries réalisées à la main et son somptueux revêtement en cuir, la production de la Rolls-Royce Phantom nécessite deux mois de travail et la participation d'une centaine d'artisans hautement qualifiés, répartis dans trois usines différentes.</t>
  </si>
  <si>
    <t>N0015970</t>
  </si>
  <si>
    <t>Megafactories : Bentley</t>
  </si>
  <si>
    <t>Bentley</t>
  </si>
  <si>
    <t>Avec sa grille caractéristique et son intérieur classique en bois, il n'y a pas grand-chose qui change dans une Bentley, de génération en génération. Mais Bentley a refait son modèle phare. Baptisé en l'honneur d'un célèbre virage du circuit des 24 heures du Mans, la nouvelle Mulsanne rappelle les origines de Bentley, en soulignant sa passion pour la puissance et la vitesse. Avec une possibilité de personnalisation que n'a pas ses concurrents, plus de 90% des Mulsannes sont commandées personnalisées. Ici, la puissance et le luxe s'allient dans la fabrication méticuleuse à la main de ces supers machines.</t>
  </si>
  <si>
    <t>P0863404</t>
  </si>
  <si>
    <t>Pêche à haut risque : Les deux doigts de la main</t>
  </si>
  <si>
    <t>Thick As Thieves</t>
  </si>
  <si>
    <t>Après une semaine sans butin, Tyler McLaughlin, le capitaine du Pinwheel, peine à se hisser en tête du classement. La compétition se retrouve ébranlée à l’arrivée d’un nouveau bateau, le Whistler, qui vient sortir Tyler de l’impasse. Bien décidé à remporter la course, le capitaine Dave Carraro cherche à devancer le Pinwheel. De son côté, le Hot Tuna se bat pour rester dans le top 3, tandis que le Wicked Pissah se découvre une force cachée pour viser la première place.</t>
  </si>
  <si>
    <t>P0863595</t>
  </si>
  <si>
    <t>Pêche à haut risque : L’aquarium des pêcheurs</t>
  </si>
  <si>
    <t>The Sherman Tank</t>
  </si>
  <si>
    <t>Les capitaines doivent décider s’ils vont pêcher ou non à 275 kilomètres de Gloucester, où les prises promettent d’être conséquentes et rentables. Lors d’une avancée inattendue, l’ancien tenant du titre, le FV-Tuna.com, passe plusieurs journées à pêcher au grand large, alors que l’actuel leader, le Pinwheel, ne s’éloigne pas de sa base. Le Falcon et le Hot Tuna s’aventurent également en mer afin de se frayer un chemin jusqu’à la première place. Qui décrochera le gros lot ? Qui sera éliminé ?</t>
  </si>
  <si>
    <t>P0884975</t>
  </si>
  <si>
    <t>Ultimate Airport : Amérique latine - Entreprise à risque</t>
  </si>
  <si>
    <t>Risky Business</t>
  </si>
  <si>
    <t>Le trafic de drogue est une entreprise à haut risque. Dans les aéroports de Colombie et du Pérou, des suspects sont prêts à tout pour échapper aux radars. Un couple en partance pour Punta Cana défie les apparences. Une femme en possession de cocaïne voulait lancer son activité et venir en aide à sa famille. Alors qu’elle dissimule de la poudre blanche dans des tapis faits main, une mule débutante joue gros et perd son pari. Dans l’espoir de retrouver ses proches en Europe, un Syrien a recours à de faux papiers à deux reprises.</t>
  </si>
  <si>
    <t>P0884833</t>
  </si>
  <si>
    <t>Ultimate Airport : Amérique latine - Saisies records</t>
  </si>
  <si>
    <t>Big Busts</t>
  </si>
  <si>
    <t>Cet épisode revient sur les plus grosses saisies de cocaïne au sein des aéroports de Colombie et du Pérou. Un individu en partance pour la République dominicaine dissimule de la cocaïne dans des cahiers de textes d’enfants. Une belle-mère et sa fille cachent des briques de poudre blanche sous leurs vestes. Son enfant sous le bras, une mère camoufle la drogue dans des emballages alimentaires et des vêtements pour enfants. Des agents de la brigade de lutte contre les stupéfiants découvrent de la cocaïne dans une cargaison d’herbes aromatiques. Enfin, un homme en route pour le Mexique transporte des briques de ladite substance dans son bagage à main, tandis qu’un autre transite avec de la cocaïne liquide dans des bouteilles de soda.</t>
  </si>
  <si>
    <t>P0848676</t>
  </si>
  <si>
    <t>Trésors sous les mers : Cités sous les mers</t>
  </si>
  <si>
    <t>Drain the Oceans: Deep Dive</t>
  </si>
  <si>
    <t>Sunken Cities</t>
  </si>
  <si>
    <t>Des civilisations entières, des cités mystérieuses et des sites légendaires ont été ensevelis sous les vagues. Le drainage des océans permettra-t-il de percer leurs secrets ? Pour la première fois, ces mondes disparus vous seront révélés grâce à l’utilisation de technologies de pointe. Découvrez les puissantes forces de la nature à l’origine de la disparition de ces cités grâce aux explications scientifiques du meilleur archéologue sous-marin.</t>
  </si>
  <si>
    <t>P0848677</t>
  </si>
  <si>
    <t>Trésors sous les mers : Trésors des profondeurs</t>
  </si>
  <si>
    <t>Treasures of The Deep</t>
  </si>
  <si>
    <t>Pendant des siècles, des navires transportant des trésors ont sillonné les océans du globe. Chargés d’argent, d’or et de pierres précieuses, ils ont été traqués par les pirates, secoués par les tempêtes, défiés par les récifs et les rivages rocheux. D’innombrables trésors et épaves attendent aujourd’hui d’être découverts aux quatre coins du monde. Grâce à des relevés scientifiques sous-marins et à des images en trois dimensions, nous pouvons désormais explorer ces trésors engloutis sous toutes les coutures. Préparez-vous à découvrir les vestiges des navires les plus opulents.</t>
  </si>
  <si>
    <t>P0873092</t>
  </si>
  <si>
    <t>Trésors sous les mers : Sauvetage en Thaïlande</t>
  </si>
  <si>
    <t>Thai Cave Rescue</t>
  </si>
  <si>
    <t>Le premier levé 3D détaillé de la célèbre grotte thaïlandaise met en lumière de nouveaux éléments sur la mission cruciale, survenue en juin dernier, qui a permis de sauver de la noyade 12 jeunes garçons pris au piège.</t>
  </si>
  <si>
    <t>P0873056</t>
  </si>
  <si>
    <t>Trésors sous les mers : Les cuirassés d’Hitler</t>
  </si>
  <si>
    <t>Hitler's Killer Warships</t>
  </si>
  <si>
    <t>Aidé de ses cuirassés de dernière génération, Hitler s’imaginait déjà conquérir le monde. Trésors sous les mers revient sur l’ascension et la débâcle de la flotte meurtrière du Troisième Reich.</t>
  </si>
  <si>
    <t>04/12/2020</t>
  </si>
  <si>
    <t>N0023611</t>
  </si>
  <si>
    <t>Détourner le système : Au restaurant</t>
  </si>
  <si>
    <t>Restaurant Ruses</t>
  </si>
  <si>
    <t>Cette semaine, Brian nous emmène dans l'univers de la restauration pour mettre au jour les astuces d'un secteur qui emploie 10 % de la main d'oeuvre américaine. Découvrez les subtiles manipulations psychologiques utilisées par les restaurateurs pour vous faire vider vos poches. Apprenez avec Brian à renverser la vapeur.</t>
  </si>
  <si>
    <t>N0019898</t>
  </si>
  <si>
    <t>Brain Games : Testez votre cerveau - Pouvoir de persuasion</t>
  </si>
  <si>
    <t>Power of Persuasion</t>
  </si>
  <si>
    <t>Chaque jour, votre cerveau est manipulé par les commerçants, les annonceurs ou encore les candidats politiques... mais vous êtes-vous jamais demandé comment s'y prennent-ils ? Cet épisode de Brain Games révèle ce qu'il y a derrière le pouvoir de persuasion, les astuces et les techniques qui sont utilisées pour influencer et contrôler une décision. Vous allez être étonné de voir à quel point il est facile de se laisser convaincre... même quand vous savez ce qu'il va arriver.</t>
  </si>
  <si>
    <t>N0019609</t>
  </si>
  <si>
    <t>Brain Games : Testez votre cerveau - Voir c'est croire</t>
  </si>
  <si>
    <t>Seeing is Believing</t>
  </si>
  <si>
    <t>Les scientifiques ont constaté que l'illusion d'optique est l'une des meilleures façons de comprendre comment fonctionne notre cerveau. Grâce à une série de jeux, vos yeux vont être victimes de quelques tours et vous découvrirez comment votre cerveau construit la réalité. Préparez-vous à comprendre pourquoi vous ne devriez pas toujours faire confiance à vos yeux !</t>
  </si>
  <si>
    <t>N0013238</t>
  </si>
  <si>
    <t>Air Crash : Collision en plein vol</t>
  </si>
  <si>
    <t>Crash Course</t>
  </si>
  <si>
    <t xml:space="preserve">Le 12 novembre 1996, le vol 763 de Saudi Airways décolle de New Delhi et monte à 14000 pieds d'altitude. Alors que les pilotes attendent le feu vert pour grimper à leur altitude de croisière, l'avion est percuté par un jet de la Kazakhstan Airlines. Le choc, terrible, endommage gravement les deux appareils qui se crashent en tuant 349 passagers. Cette collision est la pire de l'histoire de l'aviation. Les enquêteurs se retrouvent face à trois questions d'une importance capitale : pourquoi les deux avions se sont percutés ? Qui est repsonsable ? Et surtout, comment peut-on empêcher ce genre d'accident dans le futur ? </t>
  </si>
  <si>
    <t>P0812701</t>
  </si>
  <si>
    <t>La minute de vérité : Des détails aux conséquences mortelles</t>
  </si>
  <si>
    <t>Deadly Details</t>
  </si>
  <si>
    <t>Au programme de ce best-of de La minute de vérité : deux tragédies aériennes, engendrées par des problèmes minimes qui ont coûté la vie à des centaines de personnes. Le crash de l’avion Swiss Air 111 a été causé par un défaut de câblage microscopique, lequel a déclenché un incendie dans le cockpit. Le feu s’est propagé de manière incontrôlable et a entraîné la mort de 229 passagers. JAL 123, un second avion, s’est mystérieusement écrasé sur une montagne isolée peu après le décollage. D’après une enquête minutieuse, la négligence de petites réparations serait à l’origine de la mort prématurée des 520 passagers.</t>
  </si>
  <si>
    <t>N0016182</t>
  </si>
  <si>
    <t>Travaux musclés : Paquebot de rêve</t>
  </si>
  <si>
    <t>Leaky Cruise Ship</t>
  </si>
  <si>
    <t>Réparer un paquebot pouvant transporter un équipage de 1200 personnes n'est déjà pas une mince affaire. Mais quand cela nécessite de localiser une fuite dans la coque d'un bateau de croisière long de 856 mètres, l'opération se révèle être carrément impossible.</t>
  </si>
  <si>
    <t>N0016172</t>
  </si>
  <si>
    <t>Travaux musclés : Transport de masse</t>
  </si>
  <si>
    <t>Mass Transit</t>
  </si>
  <si>
    <t>Sean Riley vous fait découvrir l'envers du décor d'un des plus grands réseaux de transport de masse des USA et comment experts, mécaniciens, ou encore contrôleurs s'affairent pour garder cet énorme système en état de marche 24h/7.</t>
  </si>
  <si>
    <t>N0026787</t>
  </si>
  <si>
    <t>Car S.O.S. : La Range Rover Vogue</t>
  </si>
  <si>
    <t>Range Rover Vogue SE</t>
  </si>
  <si>
    <t xml:space="preserve">Tim et Fuzz se rendent à Cambridge à la rescousse d'une Range Rover. Ce modèle a représenté un grand changement pour Land Rover à sa sortie, en 1970 : une grande et confortable voiture, aussi agréable qu'une berline tout en étant capable de rouler dans un terrain boueux. Le véhicule auquel Tim et Fuzz portent secours est une Range Rover Vogue de 1991 et symbolise des jours heureux pour Margaret et sa famille, les propriétaires. Mais aujourd'hui, la Range Rover est en très mauvais état. Tim et Fuzz se lancent alors dans une réhabilitation de grande ampleur : remettre la voiture en état de rouler et l'adapter au handicap de Margaret. </t>
  </si>
  <si>
    <t>P0893998</t>
  </si>
  <si>
    <t>Pagani Huayra Roadster</t>
  </si>
  <si>
    <t>Sculptée dans les moindres détails, la Pagani Huayra Roadster est un véritable chef-d’œuvre automobile, conçu pour des performances extrêmes défiant les lois fondamentales de la physique.</t>
  </si>
  <si>
    <t>N0023754</t>
  </si>
  <si>
    <t>Anne Frank et l'Annexe</t>
  </si>
  <si>
    <t>Final Days Of Anne Frank</t>
  </si>
  <si>
    <t>The Final Days Of Anne Frank</t>
  </si>
  <si>
    <t>02:00</t>
  </si>
  <si>
    <t xml:space="preserve">National Geographic Channel présente un documentaire inédit sur Anne Frank, sa vie dans l'annexe et son arrestation. Cette histoire bien connue est pour la première fois racontée du point de vue effrayant des Nazis, dont les témoignages ont été retrouvés. </t>
  </si>
  <si>
    <t>P0836510</t>
  </si>
  <si>
    <t>Berga, GI prisonniers d'un camp nazi</t>
  </si>
  <si>
    <t>Hitler's G.I. Death Camp: Berga</t>
  </si>
  <si>
    <t>Hitler's Death Camp: American Prisoners, 1</t>
  </si>
  <si>
    <t>Au cours de la Seconde Guerre mondiale, 350 soldats américains sont enfermés et réduits en esclavage à Berga, l’un des camps de concentration d’Hitler les plus opaques. Ils y meurent aux côtés de Juifs européens, s’ajoutant aux statistiques macabres des victimes de l’Holocauste.</t>
  </si>
  <si>
    <t>P0856265</t>
  </si>
  <si>
    <t>6 juin 1944 : Témoins du débarquement</t>
  </si>
  <si>
    <t>Eyewitness: D-Day</t>
  </si>
  <si>
    <t>Eyewitness: D-Day, 1</t>
  </si>
  <si>
    <t>Un jour illustre. Cinq héros. Cinq moments décisifs qui ont transformé le cours de la Seconde Guerre mondiale lors du débarquement de Normandie sont racontés par ceux qui ont changé la donne. À travers des archives rares, des reconstitutions spectaculaires, le récit de témoins oculaires et le témoignage de nos cinq héros, découvrez le débarquement de Normandie tel que vous ne l’avez jamais vu.</t>
  </si>
  <si>
    <t>P0828318</t>
  </si>
  <si>
    <t>Les vengeurs d'Auschwitz</t>
  </si>
  <si>
    <t>Avenging Evil</t>
  </si>
  <si>
    <t>Avenging Evil, 1</t>
  </si>
  <si>
    <t>C’est l’une des histoires de vengeance parmi les plus extraordinaires. 6 millions de juifs sont morts, mais jusqu’en 1946, seulement une poignée de nazis furent jugés. La plupart des coupables n’ont jamais eu à affronter la justice. Pour beaucoup des victimes d’Hitler, ce n’est pas assez. Basé sur des enregistrements inédits et des témoignages exclusifs de ceux qui ont été impliqués - qui ont tous plus de 90 ans - ce film raconte l’incroyable histoire d’une organisation secrète des survivants de l’Holocauste qui ont décidé de prendre les choses en mains. Réunis par le poète-guerrier Abba Kovner, leur objectif se décrit de la façon suivante : “Oeil pour oeil, dent pour dent, une vie pour une vie.” Leur plan : tuer 6 millions d’allemands en une seule fois en s’introduisant dans une ville allemande pour empoisonner la réserve d’eau.</t>
  </si>
  <si>
    <t>P0863596</t>
  </si>
  <si>
    <t>Pêche à haut risque : À l’assaut du trône</t>
  </si>
  <si>
    <t>Coming For The Crown</t>
  </si>
  <si>
    <t>Sur quatre des sept dernières saisons, le capitaine Dave Carraro et son FV-Tuna.Com ont remporté la première place de la flotte de Gloucester. Du plus beau bateau à l’équipage le plus qualifié, tout le donne gagnant. Mais les autres capitaines sont prêts à braver vents et marées pour détrôner le roi.</t>
  </si>
  <si>
    <t>P0863972</t>
  </si>
  <si>
    <t>Pêche à haut risque : Le grand jeu</t>
  </si>
  <si>
    <t>Pulling Out The Stops</t>
  </si>
  <si>
    <t>La fin de la saison approchant, tous les coups sont permis. Certains capitaines sont prêts à tout risquer pour décrocher le gros lot, quand d’autres se fichent des chiffres et n’ont qu’un but : finir en tête du classement. À deux semaines de la clôture de la saison, chaque bateau doit prouver ce qu’il vaut, au risque de se perdre dans le sillage du succès.</t>
  </si>
  <si>
    <t>P0884976</t>
  </si>
  <si>
    <t>Ultimate Airport : Amérique latine - De tous âges</t>
  </si>
  <si>
    <t>Oldest And Youngest Carriers</t>
  </si>
  <si>
    <t>Une femme avec un casier judiciaire, une étudiante qui souhaite venir en aide à sa mère malade, une jeune femme de 19 ans qui prétend avoir été dupée par sa tante… Une chose est sûre : les mules n’ont ni âge ni profil type. Un vieil homme assure qu’il ignorait ce qu’il transportait, tout comme le proche qu’il contacte. Un second, originaire des îles Marshall, serait victime d’un réseau destiné à recruter des seniors comme passeurs. Un jeune Vénézuélien est prêt à tout pour changer ses conditions de vie difficiles.</t>
  </si>
  <si>
    <t>P0884835</t>
  </si>
  <si>
    <t>Ultimate Airport : Amérique latine - Arrêtés de justesse</t>
  </si>
  <si>
    <t>Almost Got Away</t>
  </si>
  <si>
    <t>Ces suspects ont bien failli échapper aux mains de la police. Dans cet épisode, un agriculteur échange sa valise contre celle d’un complice dans un terminal de l’aéroport. Un homme ayant ingéré de la cocaïne embarque à bord d’un avion, avant d’être appréhendé à destination grâce au partage d’informations international. Après 36 heures de garde à vue, un individu avec des capsules dans son estomac tient bon et doit être libéré, lorsque sa sœur est interpellée. Pour finir, une cargaison de poudre blanche subit une transformation chimique destinée à duper les autorités.</t>
  </si>
  <si>
    <t>Made in USA : Le camion de pompiers</t>
  </si>
  <si>
    <t>Fire Trucks</t>
  </si>
  <si>
    <t>Au cœur de chaque quartier se trouve une caserne de pompiers. À l’intérieur, des soldats du feu mettent leur vie en péril 24h/24 et 7j/7 afin de sauver celle des autres. Pour remporter le combat contre les flammes, leur légendaire camion fait office de cheval de bataille. Découvrez le processus de fabrication des véhicules préférés des Américains.</t>
  </si>
  <si>
    <t>21:25:00:00</t>
  </si>
  <si>
    <t>Made in USA : Les satellites</t>
  </si>
  <si>
    <t>Satellites</t>
  </si>
  <si>
    <t>L’opérateur basé en Floride OneWeb Satellites nous révèle le processus de fabrication des premiers satellites produits en série au monde. Concepteurs d’engins spatiaux, ingénieurs et robots s’associent en vue d’imaginer et d’envoyer dans l’espace des satellites destinés à fournir un accès à Internet aux quatre coins du globe.</t>
  </si>
  <si>
    <t>Made in USA : Le tracteur</t>
  </si>
  <si>
    <t>Tractors</t>
  </si>
  <si>
    <t>Face au défi majeur que pose l’alimentation d’une population mondiale croissante, le poids lourd du matériel agricole John Deere nous ouvre les portes de sa gigantesque usine de l’Iowa, où sont fabriqués les tracteurs les plus puissants au monde. À partir d’une immense fonderie de fer et de procédés industriels de pointe, le mastodonte conçoit des machines imposantes destinées à nourrir la planète.</t>
  </si>
  <si>
    <t>22:15:00:00</t>
  </si>
  <si>
    <t>Made in USA : Le SUV</t>
  </si>
  <si>
    <t>Suvs</t>
  </si>
  <si>
    <t>Fort d’une histoire de près de 80 ans, Jeep fut le premier constructeur de voitures tout-terrain au monde. Pénétrez dans les coulisses de son usine située dans l’État américain de l’Ohio, où sont fabriqués par des robots plusieurs milliers du 4x4 le plus emblématique de la planète chaque jour : la Jeep Wrangler. Découvrez les secrets de cette réussite.</t>
  </si>
  <si>
    <t>N0014976</t>
  </si>
  <si>
    <t>Megafactories : Michelin</t>
  </si>
  <si>
    <t>Michelin</t>
  </si>
  <si>
    <t>Cet épisode vous amène au coeur des usines françaises de fabrication de la plus grande compagnie de pneus au monde : Michelin. La compagnie fabrique toutes sortes de pneus : voitures, motos, avions et mêmes navettes spatiales ! Leur nouvel objectif est de créer un nouveau type de pneu qui permettrait aux voitures de réduire leur consommation de carburant. Les pneus Michelin sont utilisés partout dans le monde, et ont un impact sur la terre entière. Découvrez ce qui se passe à l'intérieur de l'usine de Clermont-Ferrand !</t>
  </si>
  <si>
    <t>P0795897</t>
  </si>
  <si>
    <t>Science of stupid : Episode 14</t>
  </si>
  <si>
    <t>Science of Stupid</t>
  </si>
  <si>
    <t>Science of Stupid 5, 14</t>
  </si>
  <si>
    <t>Cet épisode nous montre les différentes manières de se blesser et de se ridiculiser en se tenant debout sur une chaise, en poussant une voiture ou en faisant des pirouettes sur un monocycle.</t>
  </si>
  <si>
    <t>23:50:00:00</t>
  </si>
  <si>
    <t>P0795901</t>
  </si>
  <si>
    <t>Science of stupid : Episode 20</t>
  </si>
  <si>
    <t>Science of Stupid 5, 20</t>
  </si>
  <si>
    <t>Cet épisode nous montre les différentes manières de se blesser et de se ridiculiser en sautant à l’improviste sur un trampoline, en essayant de marquer un panier compliqué dans la piscine ou en faisant des dérapages en skateboard.</t>
  </si>
  <si>
    <t>24:40:00:00</t>
  </si>
  <si>
    <t>25:25:00:00</t>
  </si>
  <si>
    <t>P0795895</t>
  </si>
  <si>
    <t>Science of stupid : Episode 11</t>
  </si>
  <si>
    <t>Science of Stupid 5, 11</t>
  </si>
  <si>
    <t>Cet épisode nous montre les différentes manières de se blesser et de se ridiculiser en soulevant une personne, en ouvrant des fûts de bière ou en marchant dans la neige.</t>
  </si>
  <si>
    <t>26:50:00:00</t>
  </si>
  <si>
    <t>P0795898</t>
  </si>
  <si>
    <t>Science of stupid : Episode 15</t>
  </si>
  <si>
    <t>Science of Stupid 5, 15</t>
  </si>
  <si>
    <t>Cet épisode nous montre les différentes manières de se blesser et de se ridiculiser en faisant des rebonds au golf, en sautant dans des véhicules lancés à vive allure ou en participant à des courses de ski.</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3">
    <fill>
      <patternFill patternType="none"/>
    </fill>
    <fill>
      <patternFill patternType="gray125"/>
    </fill>
    <fill>
      <patternFill patternType="solid">
        <fgColor rgb="FFFFFF0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9">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xf numFmtId="0" fontId="4" fillId="2" borderId="1" xfId="0" applyNumberFormat="1" applyFont="1" applyFill="1" applyBorder="1" applyAlignment="1">
      <alignment vertical="top" wrapText="1" readingOrder="1"/>
    </xf>
    <xf numFmtId="0" fontId="1" fillId="2" borderId="0" xfId="0" applyFont="1" applyFill="1" applyBorder="1"/>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20"/>
  <sheetViews>
    <sheetView showGridLines="0" tabSelected="1" topLeftCell="A95" workbookViewId="0">
      <selection activeCell="D112" sqref="D112"/>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7</v>
      </c>
      <c r="F3" s="2" t="s">
        <v>18</v>
      </c>
      <c r="G3" s="3">
        <v>9</v>
      </c>
      <c r="H3" s="2" t="s">
        <v>19</v>
      </c>
      <c r="I3" s="3">
        <v>2014</v>
      </c>
      <c r="J3" s="2" t="s">
        <v>20</v>
      </c>
      <c r="K3" s="2"/>
      <c r="L3" s="2" t="s">
        <v>21</v>
      </c>
    </row>
    <row r="4" spans="1:12" ht="15.2" customHeight="1">
      <c r="A4" s="2" t="s">
        <v>13</v>
      </c>
      <c r="B4" s="2" t="s">
        <v>22</v>
      </c>
      <c r="C4" s="2" t="s">
        <v>23</v>
      </c>
      <c r="D4" s="2" t="s">
        <v>24</v>
      </c>
      <c r="E4" s="2" t="s">
        <v>17</v>
      </c>
      <c r="F4" s="2" t="s">
        <v>25</v>
      </c>
      <c r="G4" s="3">
        <v>10</v>
      </c>
      <c r="H4" s="2" t="s">
        <v>19</v>
      </c>
      <c r="I4" s="3">
        <v>2014</v>
      </c>
      <c r="J4" s="2" t="s">
        <v>20</v>
      </c>
      <c r="K4" s="2"/>
      <c r="L4" s="2" t="s">
        <v>26</v>
      </c>
    </row>
    <row r="5" spans="1:12" ht="15.2" customHeight="1">
      <c r="A5" s="2" t="s">
        <v>13</v>
      </c>
      <c r="B5" s="2" t="s">
        <v>27</v>
      </c>
      <c r="C5" s="2"/>
      <c r="D5" s="2" t="s">
        <v>28</v>
      </c>
      <c r="E5" s="2" t="s">
        <v>29</v>
      </c>
      <c r="F5" s="2" t="s">
        <v>30</v>
      </c>
      <c r="G5" s="3">
        <v>1</v>
      </c>
      <c r="H5" s="2" t="s">
        <v>31</v>
      </c>
      <c r="I5" s="3">
        <v>2020</v>
      </c>
      <c r="J5" s="2" t="s">
        <v>32</v>
      </c>
      <c r="K5" s="2"/>
      <c r="L5" s="2" t="s">
        <v>33</v>
      </c>
    </row>
    <row r="6" spans="1:12" ht="15.2" customHeight="1">
      <c r="A6" s="2" t="s">
        <v>13</v>
      </c>
      <c r="B6" s="2" t="s">
        <v>34</v>
      </c>
      <c r="C6" s="2"/>
      <c r="D6" s="2" t="s">
        <v>35</v>
      </c>
      <c r="E6" s="2" t="s">
        <v>29</v>
      </c>
      <c r="F6" s="2" t="s">
        <v>36</v>
      </c>
      <c r="G6" s="3">
        <v>8</v>
      </c>
      <c r="H6" s="2" t="s">
        <v>31</v>
      </c>
      <c r="I6" s="3">
        <v>2020</v>
      </c>
      <c r="J6" s="2" t="s">
        <v>32</v>
      </c>
      <c r="K6" s="2"/>
      <c r="L6" s="2" t="s">
        <v>37</v>
      </c>
    </row>
    <row r="7" spans="1:12" ht="15.2" customHeight="1">
      <c r="A7" s="2" t="s">
        <v>13</v>
      </c>
      <c r="B7" s="2" t="s">
        <v>38</v>
      </c>
      <c r="C7" s="2"/>
      <c r="D7" s="2" t="s">
        <v>39</v>
      </c>
      <c r="E7" s="2" t="s">
        <v>29</v>
      </c>
      <c r="F7" s="2" t="s">
        <v>40</v>
      </c>
      <c r="G7" s="3">
        <v>7</v>
      </c>
      <c r="H7" s="2" t="s">
        <v>31</v>
      </c>
      <c r="I7" s="3">
        <v>2020</v>
      </c>
      <c r="J7" s="2" t="s">
        <v>32</v>
      </c>
      <c r="K7" s="2"/>
      <c r="L7" s="2" t="s">
        <v>41</v>
      </c>
    </row>
    <row r="8" spans="1:12" ht="15.2" customHeight="1">
      <c r="A8" s="2" t="s">
        <v>13</v>
      </c>
      <c r="B8" s="2" t="s">
        <v>42</v>
      </c>
      <c r="C8" s="2"/>
      <c r="D8" s="2" t="s">
        <v>43</v>
      </c>
      <c r="E8" s="2" t="s">
        <v>29</v>
      </c>
      <c r="F8" s="2" t="s">
        <v>44</v>
      </c>
      <c r="G8" s="3">
        <v>2</v>
      </c>
      <c r="H8" s="2" t="s">
        <v>31</v>
      </c>
      <c r="I8" s="3">
        <v>2020</v>
      </c>
      <c r="J8" s="2" t="s">
        <v>32</v>
      </c>
      <c r="K8" s="2"/>
      <c r="L8" s="2" t="s">
        <v>45</v>
      </c>
    </row>
    <row r="9" spans="1:12" ht="15.2" customHeight="1">
      <c r="A9" s="2" t="s">
        <v>13</v>
      </c>
      <c r="B9" s="2" t="s">
        <v>46</v>
      </c>
      <c r="C9" s="2" t="s">
        <v>47</v>
      </c>
      <c r="D9" s="2" t="s">
        <v>48</v>
      </c>
      <c r="E9" s="2" t="s">
        <v>49</v>
      </c>
      <c r="F9" s="2" t="s">
        <v>50</v>
      </c>
      <c r="G9" s="3">
        <v>58</v>
      </c>
      <c r="H9" s="2" t="s">
        <v>51</v>
      </c>
      <c r="I9" s="3">
        <v>2012</v>
      </c>
      <c r="J9" s="2" t="s">
        <v>20</v>
      </c>
      <c r="K9" s="2"/>
      <c r="L9" s="2" t="s">
        <v>52</v>
      </c>
    </row>
    <row r="10" spans="1:12" ht="15.2" customHeight="1">
      <c r="A10" s="2" t="s">
        <v>13</v>
      </c>
      <c r="B10" s="2" t="s">
        <v>53</v>
      </c>
      <c r="C10" s="2"/>
      <c r="D10" s="2" t="s">
        <v>54</v>
      </c>
      <c r="E10" s="2" t="s">
        <v>55</v>
      </c>
      <c r="F10" s="2" t="s">
        <v>56</v>
      </c>
      <c r="G10" s="3">
        <v>3</v>
      </c>
      <c r="H10" s="2" t="s">
        <v>57</v>
      </c>
      <c r="I10" s="3">
        <v>2019</v>
      </c>
      <c r="J10" s="2" t="s">
        <v>58</v>
      </c>
      <c r="K10" s="2"/>
      <c r="L10" s="2" t="s">
        <v>59</v>
      </c>
    </row>
    <row r="11" spans="1:12" ht="15.2" customHeight="1">
      <c r="A11" s="2" t="s">
        <v>13</v>
      </c>
      <c r="B11" s="2" t="s">
        <v>60</v>
      </c>
      <c r="C11" s="2"/>
      <c r="D11" s="2" t="s">
        <v>61</v>
      </c>
      <c r="E11" s="2" t="s">
        <v>55</v>
      </c>
      <c r="F11" s="2" t="s">
        <v>62</v>
      </c>
      <c r="G11" s="3">
        <v>4</v>
      </c>
      <c r="H11" s="2" t="s">
        <v>57</v>
      </c>
      <c r="I11" s="3">
        <v>2019</v>
      </c>
      <c r="J11" s="2" t="s">
        <v>58</v>
      </c>
      <c r="K11" s="2"/>
      <c r="L11" s="2" t="s">
        <v>63</v>
      </c>
    </row>
    <row r="12" spans="1:12" ht="15.2" customHeight="1">
      <c r="A12" s="2" t="s">
        <v>13</v>
      </c>
      <c r="B12" s="2" t="s">
        <v>64</v>
      </c>
      <c r="C12" s="2" t="s">
        <v>65</v>
      </c>
      <c r="D12" s="2" t="s">
        <v>66</v>
      </c>
      <c r="E12" s="2" t="s">
        <v>67</v>
      </c>
      <c r="F12" s="2" t="s">
        <v>68</v>
      </c>
      <c r="G12" s="3">
        <v>3</v>
      </c>
      <c r="H12" s="2" t="s">
        <v>69</v>
      </c>
      <c r="I12" s="3">
        <v>2018</v>
      </c>
      <c r="J12" s="2" t="s">
        <v>32</v>
      </c>
      <c r="K12" s="2"/>
      <c r="L12" s="2" t="s">
        <v>70</v>
      </c>
    </row>
    <row r="13" spans="1:12" ht="15.2" customHeight="1">
      <c r="A13" s="2" t="s">
        <v>13</v>
      </c>
      <c r="B13" s="2" t="s">
        <v>71</v>
      </c>
      <c r="C13" s="2" t="s">
        <v>72</v>
      </c>
      <c r="D13" s="2" t="s">
        <v>73</v>
      </c>
      <c r="E13" s="2" t="s">
        <v>67</v>
      </c>
      <c r="F13" s="2" t="s">
        <v>74</v>
      </c>
      <c r="G13" s="3">
        <v>4</v>
      </c>
      <c r="H13" s="2" t="s">
        <v>69</v>
      </c>
      <c r="I13" s="3">
        <v>2018</v>
      </c>
      <c r="J13" s="2" t="s">
        <v>32</v>
      </c>
      <c r="K13" s="2"/>
      <c r="L13" s="2" t="s">
        <v>75</v>
      </c>
    </row>
    <row r="14" spans="1:12" ht="15.2" customHeight="1">
      <c r="A14" s="2" t="s">
        <v>13</v>
      </c>
      <c r="B14" s="2" t="s">
        <v>76</v>
      </c>
      <c r="C14" s="2" t="s">
        <v>77</v>
      </c>
      <c r="D14" s="2" t="s">
        <v>78</v>
      </c>
      <c r="E14" s="2" t="s">
        <v>79</v>
      </c>
      <c r="F14" s="2" t="s">
        <v>80</v>
      </c>
      <c r="G14" s="3">
        <v>7</v>
      </c>
      <c r="H14" s="2" t="s">
        <v>69</v>
      </c>
      <c r="I14" s="3">
        <v>2018</v>
      </c>
      <c r="J14" s="2" t="s">
        <v>20</v>
      </c>
      <c r="K14" s="2"/>
      <c r="L14" s="2" t="s">
        <v>81</v>
      </c>
    </row>
    <row r="15" spans="1:12" ht="15.2" customHeight="1">
      <c r="A15" s="2" t="s">
        <v>13</v>
      </c>
      <c r="B15" s="2" t="s">
        <v>82</v>
      </c>
      <c r="C15" s="2" t="s">
        <v>83</v>
      </c>
      <c r="D15" s="2" t="s">
        <v>84</v>
      </c>
      <c r="E15" s="2" t="s">
        <v>79</v>
      </c>
      <c r="F15" s="2" t="s">
        <v>85</v>
      </c>
      <c r="G15" s="3">
        <v>8</v>
      </c>
      <c r="H15" s="2" t="s">
        <v>69</v>
      </c>
      <c r="I15" s="3">
        <v>2018</v>
      </c>
      <c r="J15" s="2" t="s">
        <v>20</v>
      </c>
      <c r="K15" s="2"/>
      <c r="L15" s="2" t="s">
        <v>86</v>
      </c>
    </row>
    <row r="16" spans="1:12" ht="15.2" customHeight="1">
      <c r="A16" s="2" t="s">
        <v>13</v>
      </c>
      <c r="B16" s="2" t="s">
        <v>87</v>
      </c>
      <c r="C16" s="2" t="s">
        <v>88</v>
      </c>
      <c r="D16" s="2" t="s">
        <v>89</v>
      </c>
      <c r="E16" s="2" t="s">
        <v>79</v>
      </c>
      <c r="F16" s="2" t="s">
        <v>90</v>
      </c>
      <c r="G16" s="3">
        <v>9</v>
      </c>
      <c r="H16" s="2" t="s">
        <v>69</v>
      </c>
      <c r="I16" s="3">
        <v>2018</v>
      </c>
      <c r="J16" s="2" t="s">
        <v>20</v>
      </c>
      <c r="K16" s="2"/>
      <c r="L16" s="2" t="s">
        <v>91</v>
      </c>
    </row>
    <row r="17" spans="1:12" ht="15.2" customHeight="1">
      <c r="A17" s="2" t="s">
        <v>13</v>
      </c>
      <c r="B17" s="2" t="s">
        <v>92</v>
      </c>
      <c r="C17" s="2" t="s">
        <v>93</v>
      </c>
      <c r="D17" s="2" t="s">
        <v>94</v>
      </c>
      <c r="E17" s="2" t="s">
        <v>79</v>
      </c>
      <c r="F17" s="2" t="s">
        <v>95</v>
      </c>
      <c r="G17" s="3">
        <v>5</v>
      </c>
      <c r="H17" s="2" t="s">
        <v>69</v>
      </c>
      <c r="I17" s="3">
        <v>2019</v>
      </c>
      <c r="J17" s="2" t="s">
        <v>96</v>
      </c>
      <c r="K17" s="2"/>
      <c r="L17" s="2" t="s">
        <v>97</v>
      </c>
    </row>
    <row r="18" spans="1:12" ht="15.2" customHeight="1">
      <c r="A18" s="2" t="s">
        <v>13</v>
      </c>
      <c r="B18" s="2" t="s">
        <v>98</v>
      </c>
      <c r="C18" s="2" t="s">
        <v>99</v>
      </c>
      <c r="D18" s="2" t="s">
        <v>100</v>
      </c>
      <c r="E18" s="2" t="s">
        <v>101</v>
      </c>
      <c r="F18" s="2" t="s">
        <v>102</v>
      </c>
      <c r="G18" s="3">
        <v>4</v>
      </c>
      <c r="H18" s="2" t="s">
        <v>51</v>
      </c>
      <c r="I18" s="3">
        <v>2019</v>
      </c>
      <c r="J18" s="2" t="s">
        <v>20</v>
      </c>
      <c r="K18" s="2"/>
      <c r="L18" s="2" t="s">
        <v>103</v>
      </c>
    </row>
    <row r="19" spans="1:12" ht="15.2" customHeight="1">
      <c r="A19" s="2" t="s">
        <v>13</v>
      </c>
      <c r="B19" s="2" t="s">
        <v>104</v>
      </c>
      <c r="C19" s="2" t="s">
        <v>105</v>
      </c>
      <c r="D19" s="2" t="s">
        <v>106</v>
      </c>
      <c r="E19" s="2" t="s">
        <v>101</v>
      </c>
      <c r="F19" s="2" t="s">
        <v>107</v>
      </c>
      <c r="G19" s="3">
        <v>5</v>
      </c>
      <c r="H19" s="2" t="s">
        <v>51</v>
      </c>
      <c r="I19" s="3">
        <v>2019</v>
      </c>
      <c r="J19" s="2" t="s">
        <v>20</v>
      </c>
      <c r="K19" s="2"/>
      <c r="L19" s="2" t="s">
        <v>108</v>
      </c>
    </row>
    <row r="20" spans="1:12" ht="15.2" customHeight="1">
      <c r="A20" s="2" t="s">
        <v>13</v>
      </c>
      <c r="B20" s="2" t="s">
        <v>109</v>
      </c>
      <c r="C20" s="2" t="s">
        <v>110</v>
      </c>
      <c r="D20" s="2" t="s">
        <v>111</v>
      </c>
      <c r="E20" s="2" t="s">
        <v>101</v>
      </c>
      <c r="F20" s="2" t="s">
        <v>112</v>
      </c>
      <c r="G20" s="3">
        <v>6</v>
      </c>
      <c r="H20" s="2" t="s">
        <v>51</v>
      </c>
      <c r="I20" s="3">
        <v>2019</v>
      </c>
      <c r="J20" s="2" t="s">
        <v>20</v>
      </c>
      <c r="K20" s="2"/>
      <c r="L20" s="2" t="s">
        <v>113</v>
      </c>
    </row>
    <row r="21" spans="1:12" ht="15.2" customHeight="1">
      <c r="A21" s="2" t="s">
        <v>13</v>
      </c>
      <c r="B21" s="2" t="s">
        <v>114</v>
      </c>
      <c r="C21" s="2" t="s">
        <v>115</v>
      </c>
      <c r="D21" s="2" t="s">
        <v>116</v>
      </c>
      <c r="E21" s="2" t="s">
        <v>101</v>
      </c>
      <c r="F21" s="2" t="s">
        <v>117</v>
      </c>
      <c r="G21" s="3">
        <v>7</v>
      </c>
      <c r="H21" s="2" t="s">
        <v>51</v>
      </c>
      <c r="I21" s="3">
        <v>2019</v>
      </c>
      <c r="J21" s="2" t="s">
        <v>20</v>
      </c>
      <c r="K21" s="2"/>
      <c r="L21" s="2" t="s">
        <v>118</v>
      </c>
    </row>
    <row r="22" spans="1:12" ht="15.2" customHeight="1">
      <c r="A22" s="2" t="s">
        <v>13</v>
      </c>
      <c r="B22" s="2" t="s">
        <v>119</v>
      </c>
      <c r="C22" s="2" t="s">
        <v>120</v>
      </c>
      <c r="D22" s="2" t="s">
        <v>121</v>
      </c>
      <c r="E22" s="2" t="s">
        <v>79</v>
      </c>
      <c r="F22" s="2" t="s">
        <v>122</v>
      </c>
      <c r="G22" s="3">
        <v>1</v>
      </c>
      <c r="H22" s="2" t="s">
        <v>51</v>
      </c>
      <c r="I22" s="3">
        <v>2016</v>
      </c>
      <c r="J22" s="2" t="s">
        <v>96</v>
      </c>
      <c r="K22" s="2"/>
      <c r="L22" s="2" t="s">
        <v>123</v>
      </c>
    </row>
    <row r="23" spans="1:12" ht="15.2" customHeight="1">
      <c r="A23" s="2" t="s">
        <v>13</v>
      </c>
      <c r="B23" s="2" t="s">
        <v>124</v>
      </c>
      <c r="C23" s="2" t="s">
        <v>125</v>
      </c>
      <c r="D23" s="2" t="s">
        <v>126</v>
      </c>
      <c r="E23" s="2" t="s">
        <v>79</v>
      </c>
      <c r="F23" s="2" t="s">
        <v>127</v>
      </c>
      <c r="G23" s="3">
        <v>2</v>
      </c>
      <c r="H23" s="2" t="s">
        <v>69</v>
      </c>
      <c r="I23" s="3">
        <v>2016</v>
      </c>
      <c r="J23" s="2" t="s">
        <v>96</v>
      </c>
      <c r="K23" s="2"/>
      <c r="L23" s="2" t="s">
        <v>128</v>
      </c>
    </row>
    <row r="24" spans="1:12" ht="15.2" customHeight="1">
      <c r="A24" s="2" t="s">
        <v>13</v>
      </c>
      <c r="B24" s="2" t="s">
        <v>129</v>
      </c>
      <c r="C24" s="2" t="s">
        <v>130</v>
      </c>
      <c r="D24" s="2" t="s">
        <v>131</v>
      </c>
      <c r="E24" s="2" t="s">
        <v>79</v>
      </c>
      <c r="F24" s="2" t="s">
        <v>132</v>
      </c>
      <c r="G24" s="3">
        <v>3</v>
      </c>
      <c r="H24" s="2" t="s">
        <v>69</v>
      </c>
      <c r="I24" s="3">
        <v>2016</v>
      </c>
      <c r="J24" s="2" t="s">
        <v>96</v>
      </c>
      <c r="K24" s="2"/>
      <c r="L24" s="2" t="s">
        <v>133</v>
      </c>
    </row>
    <row r="25" spans="1:12" ht="15.2" customHeight="1">
      <c r="A25" s="2" t="s">
        <v>13</v>
      </c>
      <c r="B25" s="2" t="s">
        <v>134</v>
      </c>
      <c r="C25" s="2" t="s">
        <v>135</v>
      </c>
      <c r="D25" s="2" t="s">
        <v>136</v>
      </c>
      <c r="E25" s="2" t="s">
        <v>79</v>
      </c>
      <c r="F25" s="2" t="s">
        <v>137</v>
      </c>
      <c r="G25" s="3">
        <v>2</v>
      </c>
      <c r="H25" s="2" t="s">
        <v>138</v>
      </c>
      <c r="I25" s="3">
        <v>2009</v>
      </c>
      <c r="J25" s="2" t="s">
        <v>96</v>
      </c>
      <c r="K25" s="2"/>
      <c r="L25" s="2" t="s">
        <v>139</v>
      </c>
    </row>
    <row r="26" spans="1:12" ht="15.2" customHeight="1">
      <c r="A26" s="2" t="s">
        <v>13</v>
      </c>
      <c r="B26" s="2" t="s">
        <v>140</v>
      </c>
      <c r="C26" s="2" t="s">
        <v>141</v>
      </c>
      <c r="D26" s="2" t="s">
        <v>142</v>
      </c>
      <c r="E26" s="2" t="s">
        <v>79</v>
      </c>
      <c r="F26" s="2" t="s">
        <v>143</v>
      </c>
      <c r="G26" s="3">
        <v>8</v>
      </c>
      <c r="H26" s="2" t="s">
        <v>69</v>
      </c>
      <c r="I26" s="3">
        <v>2015</v>
      </c>
      <c r="J26" s="2" t="s">
        <v>96</v>
      </c>
      <c r="K26" s="2"/>
      <c r="L26" s="2" t="s">
        <v>144</v>
      </c>
    </row>
    <row r="27" spans="1:12" ht="15.2" customHeight="1">
      <c r="A27" s="2" t="s">
        <v>13</v>
      </c>
      <c r="B27" s="2" t="s">
        <v>145</v>
      </c>
      <c r="C27" s="2" t="s">
        <v>146</v>
      </c>
      <c r="D27" s="2" t="s">
        <v>147</v>
      </c>
      <c r="E27" s="2" t="s">
        <v>79</v>
      </c>
      <c r="F27" s="2" t="s">
        <v>148</v>
      </c>
      <c r="G27" s="3">
        <v>9</v>
      </c>
      <c r="H27" s="2" t="s">
        <v>69</v>
      </c>
      <c r="I27" s="3">
        <v>2015</v>
      </c>
      <c r="J27" s="2" t="s">
        <v>96</v>
      </c>
      <c r="K27" s="2"/>
      <c r="L27" s="2" t="s">
        <v>149</v>
      </c>
    </row>
    <row r="28" spans="1:12" ht="15.2" customHeight="1">
      <c r="A28" s="2" t="s">
        <v>13</v>
      </c>
      <c r="B28" s="2" t="s">
        <v>150</v>
      </c>
      <c r="C28" s="2" t="s">
        <v>151</v>
      </c>
      <c r="D28" s="2" t="s">
        <v>152</v>
      </c>
      <c r="E28" s="2" t="s">
        <v>79</v>
      </c>
      <c r="F28" s="2" t="s">
        <v>153</v>
      </c>
      <c r="G28" s="3">
        <v>10</v>
      </c>
      <c r="H28" s="2" t="s">
        <v>69</v>
      </c>
      <c r="I28" s="3">
        <v>2015</v>
      </c>
      <c r="J28" s="2" t="s">
        <v>96</v>
      </c>
      <c r="K28" s="2"/>
      <c r="L28" s="2" t="s">
        <v>154</v>
      </c>
    </row>
    <row r="29" spans="1:12" ht="15.2" customHeight="1">
      <c r="A29" s="2" t="s">
        <v>13</v>
      </c>
      <c r="B29" s="2" t="s">
        <v>155</v>
      </c>
      <c r="C29" s="2" t="s">
        <v>156</v>
      </c>
      <c r="D29" s="2" t="s">
        <v>157</v>
      </c>
      <c r="E29" s="2" t="s">
        <v>79</v>
      </c>
      <c r="F29" s="2" t="s">
        <v>158</v>
      </c>
      <c r="G29" s="3">
        <v>1</v>
      </c>
      <c r="H29" s="2" t="s">
        <v>138</v>
      </c>
      <c r="I29" s="3">
        <v>2009</v>
      </c>
      <c r="J29" s="2" t="s">
        <v>96</v>
      </c>
      <c r="K29" s="2"/>
      <c r="L29" s="2" t="s">
        <v>159</v>
      </c>
    </row>
    <row r="30" spans="1:12" ht="15.2" customHeight="1">
      <c r="A30" s="2" t="s">
        <v>13</v>
      </c>
      <c r="B30" s="2" t="s">
        <v>160</v>
      </c>
      <c r="C30" s="2" t="s">
        <v>15</v>
      </c>
      <c r="D30" s="2" t="s">
        <v>16</v>
      </c>
      <c r="E30" s="2" t="s">
        <v>17</v>
      </c>
      <c r="F30" s="2" t="s">
        <v>18</v>
      </c>
      <c r="G30" s="3">
        <v>9</v>
      </c>
      <c r="H30" s="2" t="s">
        <v>19</v>
      </c>
      <c r="I30" s="3">
        <v>2014</v>
      </c>
      <c r="J30" s="2" t="s">
        <v>20</v>
      </c>
      <c r="K30" s="2"/>
      <c r="L30" s="2" t="s">
        <v>21</v>
      </c>
    </row>
    <row r="31" spans="1:12" ht="15.2" customHeight="1">
      <c r="A31" s="2" t="s">
        <v>13</v>
      </c>
      <c r="B31" s="2" t="s">
        <v>161</v>
      </c>
      <c r="C31" s="2" t="s">
        <v>23</v>
      </c>
      <c r="D31" s="2" t="s">
        <v>24</v>
      </c>
      <c r="E31" s="2" t="s">
        <v>17</v>
      </c>
      <c r="F31" s="2" t="s">
        <v>25</v>
      </c>
      <c r="G31" s="3">
        <v>10</v>
      </c>
      <c r="H31" s="2" t="s">
        <v>19</v>
      </c>
      <c r="I31" s="3">
        <v>2014</v>
      </c>
      <c r="J31" s="2" t="s">
        <v>20</v>
      </c>
      <c r="K31" s="2"/>
      <c r="L31" s="2" t="s">
        <v>26</v>
      </c>
    </row>
    <row r="32" spans="1:12" ht="15.2" customHeight="1">
      <c r="A32" s="2" t="s">
        <v>13</v>
      </c>
      <c r="B32" s="2" t="s">
        <v>162</v>
      </c>
      <c r="C32" s="2"/>
      <c r="D32" s="2" t="s">
        <v>163</v>
      </c>
      <c r="E32" s="2" t="s">
        <v>164</v>
      </c>
      <c r="F32" s="2" t="s">
        <v>165</v>
      </c>
      <c r="G32" s="3">
        <v>1</v>
      </c>
      <c r="H32" s="2" t="s">
        <v>166</v>
      </c>
      <c r="I32" s="3">
        <v>2019</v>
      </c>
      <c r="J32" s="2" t="s">
        <v>20</v>
      </c>
      <c r="K32" s="2"/>
      <c r="L32" s="2" t="s">
        <v>167</v>
      </c>
    </row>
    <row r="33" spans="1:12" ht="15.2" customHeight="1">
      <c r="A33" s="2" t="s">
        <v>13</v>
      </c>
      <c r="B33" s="2" t="s">
        <v>168</v>
      </c>
      <c r="C33" s="2" t="s">
        <v>169</v>
      </c>
      <c r="D33" s="2" t="s">
        <v>170</v>
      </c>
      <c r="E33" s="2" t="s">
        <v>171</v>
      </c>
      <c r="F33" s="2" t="s">
        <v>172</v>
      </c>
      <c r="G33" s="3">
        <v>1</v>
      </c>
      <c r="H33" s="2" t="s">
        <v>69</v>
      </c>
      <c r="I33" s="3">
        <v>2018</v>
      </c>
      <c r="J33" s="2" t="s">
        <v>20</v>
      </c>
      <c r="K33" s="2"/>
      <c r="L33" s="2" t="s">
        <v>173</v>
      </c>
    </row>
    <row r="34" spans="1:12" ht="15.2" customHeight="1">
      <c r="A34" s="2" t="s">
        <v>13</v>
      </c>
      <c r="B34" s="2" t="s">
        <v>174</v>
      </c>
      <c r="C34" s="2"/>
      <c r="D34" s="2" t="s">
        <v>54</v>
      </c>
      <c r="E34" s="2" t="s">
        <v>55</v>
      </c>
      <c r="F34" s="2" t="s">
        <v>56</v>
      </c>
      <c r="G34" s="3">
        <v>3</v>
      </c>
      <c r="H34" s="2" t="s">
        <v>57</v>
      </c>
      <c r="I34" s="3">
        <v>2019</v>
      </c>
      <c r="J34" s="2" t="s">
        <v>58</v>
      </c>
      <c r="K34" s="2"/>
      <c r="L34" s="2" t="s">
        <v>59</v>
      </c>
    </row>
    <row r="35" spans="1:12" ht="15.2" customHeight="1">
      <c r="A35" s="2" t="s">
        <v>175</v>
      </c>
      <c r="B35" s="2" t="s">
        <v>14</v>
      </c>
      <c r="C35" s="2" t="s">
        <v>176</v>
      </c>
      <c r="D35" s="2" t="s">
        <v>177</v>
      </c>
      <c r="E35" s="2" t="s">
        <v>17</v>
      </c>
      <c r="F35" s="2" t="s">
        <v>178</v>
      </c>
      <c r="G35" s="3">
        <v>11</v>
      </c>
      <c r="H35" s="2" t="s">
        <v>19</v>
      </c>
      <c r="I35" s="3">
        <v>2014</v>
      </c>
      <c r="J35" s="2" t="s">
        <v>20</v>
      </c>
      <c r="K35" s="2"/>
      <c r="L35" s="2" t="s">
        <v>179</v>
      </c>
    </row>
    <row r="36" spans="1:12" ht="15.2" customHeight="1">
      <c r="A36" s="2" t="s">
        <v>175</v>
      </c>
      <c r="B36" s="2" t="s">
        <v>22</v>
      </c>
      <c r="C36" s="2" t="s">
        <v>180</v>
      </c>
      <c r="D36" s="2" t="s">
        <v>181</v>
      </c>
      <c r="E36" s="2" t="s">
        <v>17</v>
      </c>
      <c r="F36" s="2" t="s">
        <v>182</v>
      </c>
      <c r="G36" s="3">
        <v>12</v>
      </c>
      <c r="H36" s="2" t="s">
        <v>19</v>
      </c>
      <c r="I36" s="3">
        <v>2014</v>
      </c>
      <c r="J36" s="2" t="s">
        <v>20</v>
      </c>
      <c r="K36" s="2"/>
      <c r="L36" s="2" t="s">
        <v>183</v>
      </c>
    </row>
    <row r="37" spans="1:12" ht="15.2" customHeight="1">
      <c r="A37" s="2" t="s">
        <v>175</v>
      </c>
      <c r="B37" s="2" t="s">
        <v>27</v>
      </c>
      <c r="C37" s="2" t="s">
        <v>184</v>
      </c>
      <c r="D37" s="2" t="s">
        <v>185</v>
      </c>
      <c r="E37" s="2" t="s">
        <v>186</v>
      </c>
      <c r="F37" s="2" t="s">
        <v>187</v>
      </c>
      <c r="G37" s="3">
        <v>1</v>
      </c>
      <c r="H37" s="2" t="s">
        <v>69</v>
      </c>
      <c r="I37" s="3">
        <v>2015</v>
      </c>
      <c r="J37" s="2" t="s">
        <v>32</v>
      </c>
      <c r="K37" s="2"/>
      <c r="L37" s="2" t="s">
        <v>188</v>
      </c>
    </row>
    <row r="38" spans="1:12" ht="15.2" customHeight="1">
      <c r="A38" s="2" t="s">
        <v>175</v>
      </c>
      <c r="B38" s="2" t="s">
        <v>38</v>
      </c>
      <c r="C38" s="2" t="s">
        <v>189</v>
      </c>
      <c r="D38" s="2" t="s">
        <v>190</v>
      </c>
      <c r="E38" s="2" t="s">
        <v>186</v>
      </c>
      <c r="F38" s="2" t="s">
        <v>191</v>
      </c>
      <c r="G38" s="3">
        <v>2</v>
      </c>
      <c r="H38" s="2" t="s">
        <v>69</v>
      </c>
      <c r="I38" s="3">
        <v>2015</v>
      </c>
      <c r="J38" s="2" t="s">
        <v>32</v>
      </c>
      <c r="K38" s="2"/>
      <c r="L38" s="2" t="s">
        <v>192</v>
      </c>
    </row>
    <row r="39" spans="1:12" ht="15.2" customHeight="1">
      <c r="A39" s="2" t="s">
        <v>175</v>
      </c>
      <c r="B39" s="2" t="s">
        <v>46</v>
      </c>
      <c r="C39" s="2" t="s">
        <v>193</v>
      </c>
      <c r="D39" s="2" t="s">
        <v>194</v>
      </c>
      <c r="E39" s="2" t="s">
        <v>186</v>
      </c>
      <c r="F39" s="2" t="s">
        <v>195</v>
      </c>
      <c r="G39" s="3">
        <v>3</v>
      </c>
      <c r="H39" s="2" t="s">
        <v>69</v>
      </c>
      <c r="I39" s="3">
        <v>2015</v>
      </c>
      <c r="J39" s="2" t="s">
        <v>32</v>
      </c>
      <c r="K39" s="2"/>
      <c r="L39" s="2" t="s">
        <v>196</v>
      </c>
    </row>
    <row r="40" spans="1:12" ht="15.2" customHeight="1">
      <c r="A40" s="2" t="s">
        <v>175</v>
      </c>
      <c r="B40" s="2" t="s">
        <v>53</v>
      </c>
      <c r="C40" s="2" t="s">
        <v>197</v>
      </c>
      <c r="D40" s="2" t="s">
        <v>198</v>
      </c>
      <c r="E40" s="2" t="s">
        <v>199</v>
      </c>
      <c r="F40" s="2" t="s">
        <v>199</v>
      </c>
      <c r="G40" s="3">
        <v>1</v>
      </c>
      <c r="H40" s="2" t="s">
        <v>200</v>
      </c>
      <c r="I40" s="3">
        <v>2011</v>
      </c>
      <c r="J40" s="2" t="s">
        <v>32</v>
      </c>
      <c r="K40" s="2"/>
      <c r="L40" s="2" t="s">
        <v>201</v>
      </c>
    </row>
    <row r="41" spans="1:12" ht="15.2" customHeight="1">
      <c r="A41" s="2" t="s">
        <v>175</v>
      </c>
      <c r="B41" s="2" t="s">
        <v>64</v>
      </c>
      <c r="C41" s="2" t="s">
        <v>202</v>
      </c>
      <c r="D41" s="2" t="s">
        <v>203</v>
      </c>
      <c r="E41" s="2" t="s">
        <v>204</v>
      </c>
      <c r="F41" s="2" t="s">
        <v>205</v>
      </c>
      <c r="G41" s="3">
        <v>1</v>
      </c>
      <c r="H41" s="2" t="s">
        <v>200</v>
      </c>
      <c r="I41" s="3">
        <v>2011</v>
      </c>
      <c r="J41" s="2" t="s">
        <v>20</v>
      </c>
      <c r="K41" s="2"/>
      <c r="L41" s="2" t="s">
        <v>206</v>
      </c>
    </row>
    <row r="42" spans="1:12" ht="15.2" customHeight="1">
      <c r="A42" s="2" t="s">
        <v>175</v>
      </c>
      <c r="B42" s="2" t="s">
        <v>76</v>
      </c>
      <c r="C42" s="2"/>
      <c r="D42" s="2" t="s">
        <v>163</v>
      </c>
      <c r="E42" s="2" t="s">
        <v>164</v>
      </c>
      <c r="F42" s="2" t="s">
        <v>165</v>
      </c>
      <c r="G42" s="3">
        <v>1</v>
      </c>
      <c r="H42" s="2" t="s">
        <v>166</v>
      </c>
      <c r="I42" s="3">
        <v>2019</v>
      </c>
      <c r="J42" s="2" t="s">
        <v>20</v>
      </c>
      <c r="K42" s="2"/>
      <c r="L42" s="2" t="s">
        <v>167</v>
      </c>
    </row>
    <row r="43" spans="1:12" ht="15.2" customHeight="1">
      <c r="A43" s="2" t="s">
        <v>175</v>
      </c>
      <c r="B43" s="2" t="s">
        <v>82</v>
      </c>
      <c r="C43" s="2" t="s">
        <v>169</v>
      </c>
      <c r="D43" s="2" t="s">
        <v>170</v>
      </c>
      <c r="E43" s="2" t="s">
        <v>171</v>
      </c>
      <c r="F43" s="2" t="s">
        <v>172</v>
      </c>
      <c r="G43" s="3">
        <v>1</v>
      </c>
      <c r="H43" s="2" t="s">
        <v>69</v>
      </c>
      <c r="I43" s="3">
        <v>2018</v>
      </c>
      <c r="J43" s="2" t="s">
        <v>20</v>
      </c>
      <c r="K43" s="2"/>
      <c r="L43" s="2" t="s">
        <v>173</v>
      </c>
    </row>
    <row r="44" spans="1:12" ht="15.2" customHeight="1">
      <c r="A44" s="2" t="s">
        <v>175</v>
      </c>
      <c r="B44" s="2" t="s">
        <v>87</v>
      </c>
      <c r="C44" s="2" t="s">
        <v>207</v>
      </c>
      <c r="D44" s="2" t="s">
        <v>208</v>
      </c>
      <c r="E44" s="2" t="s">
        <v>209</v>
      </c>
      <c r="F44" s="2" t="s">
        <v>210</v>
      </c>
      <c r="G44" s="3">
        <v>1</v>
      </c>
      <c r="H44" s="2" t="s">
        <v>138</v>
      </c>
      <c r="I44" s="3">
        <v>2019</v>
      </c>
      <c r="J44" s="2" t="s">
        <v>32</v>
      </c>
      <c r="K44" s="2"/>
      <c r="L44" s="2" t="s">
        <v>211</v>
      </c>
    </row>
    <row r="45" spans="1:12" ht="15.2" customHeight="1">
      <c r="A45" s="2" t="s">
        <v>175</v>
      </c>
      <c r="B45" s="2" t="s">
        <v>92</v>
      </c>
      <c r="C45" s="2" t="s">
        <v>212</v>
      </c>
      <c r="D45" s="2" t="s">
        <v>213</v>
      </c>
      <c r="E45" s="2" t="s">
        <v>209</v>
      </c>
      <c r="F45" s="2" t="s">
        <v>214</v>
      </c>
      <c r="G45" s="3">
        <v>9</v>
      </c>
      <c r="H45" s="2" t="s">
        <v>138</v>
      </c>
      <c r="I45" s="3">
        <v>2019</v>
      </c>
      <c r="J45" s="2" t="s">
        <v>32</v>
      </c>
      <c r="K45" s="2"/>
      <c r="L45" s="2" t="s">
        <v>215</v>
      </c>
    </row>
    <row r="46" spans="1:12" ht="15.2" customHeight="1">
      <c r="A46" s="2" t="s">
        <v>175</v>
      </c>
      <c r="B46" s="2" t="s">
        <v>98</v>
      </c>
      <c r="C46" s="2"/>
      <c r="D46" s="2" t="s">
        <v>216</v>
      </c>
      <c r="E46" s="2" t="s">
        <v>217</v>
      </c>
      <c r="F46" s="2" t="s">
        <v>218</v>
      </c>
      <c r="G46" s="3">
        <v>5</v>
      </c>
      <c r="H46" s="2" t="s">
        <v>166</v>
      </c>
      <c r="I46" s="3">
        <v>2020</v>
      </c>
      <c r="J46" s="2" t="s">
        <v>20</v>
      </c>
      <c r="K46" s="2"/>
      <c r="L46" s="2" t="s">
        <v>219</v>
      </c>
    </row>
    <row r="47" spans="1:12" ht="15.2" customHeight="1">
      <c r="A47" s="2" t="s">
        <v>175</v>
      </c>
      <c r="B47" s="2" t="s">
        <v>104</v>
      </c>
      <c r="C47" s="2"/>
      <c r="D47" s="2" t="s">
        <v>220</v>
      </c>
      <c r="E47" s="2" t="s">
        <v>217</v>
      </c>
      <c r="F47" s="2" t="s">
        <v>221</v>
      </c>
      <c r="G47" s="3">
        <v>6</v>
      </c>
      <c r="H47" s="2" t="s">
        <v>166</v>
      </c>
      <c r="I47" s="3">
        <v>2020</v>
      </c>
      <c r="J47" s="2" t="s">
        <v>20</v>
      </c>
      <c r="K47" s="2"/>
      <c r="L47" s="2" t="s">
        <v>222</v>
      </c>
    </row>
    <row r="48" spans="1:12" ht="15.2" customHeight="1">
      <c r="A48" s="2" t="s">
        <v>175</v>
      </c>
      <c r="B48" s="2" t="s">
        <v>109</v>
      </c>
      <c r="C48" s="2" t="s">
        <v>223</v>
      </c>
      <c r="D48" s="2" t="s">
        <v>224</v>
      </c>
      <c r="E48" s="2" t="s">
        <v>217</v>
      </c>
      <c r="F48" s="2" t="s">
        <v>225</v>
      </c>
      <c r="G48" s="3">
        <v>5</v>
      </c>
      <c r="H48" s="2" t="s">
        <v>51</v>
      </c>
      <c r="I48" s="3">
        <v>2019</v>
      </c>
      <c r="J48" s="2" t="s">
        <v>226</v>
      </c>
      <c r="K48" s="2"/>
      <c r="L48" s="2" t="s">
        <v>227</v>
      </c>
    </row>
    <row r="49" spans="1:12" ht="15.2" customHeight="1">
      <c r="A49" s="2" t="s">
        <v>175</v>
      </c>
      <c r="B49" s="2" t="s">
        <v>114</v>
      </c>
      <c r="C49" s="2" t="s">
        <v>228</v>
      </c>
      <c r="D49" s="2" t="s">
        <v>229</v>
      </c>
      <c r="E49" s="2" t="s">
        <v>217</v>
      </c>
      <c r="F49" s="2" t="s">
        <v>230</v>
      </c>
      <c r="G49" s="3">
        <v>6</v>
      </c>
      <c r="H49" s="2" t="s">
        <v>51</v>
      </c>
      <c r="I49" s="3">
        <v>2019</v>
      </c>
      <c r="J49" s="2" t="s">
        <v>226</v>
      </c>
      <c r="K49" s="2"/>
      <c r="L49" s="2" t="s">
        <v>231</v>
      </c>
    </row>
    <row r="50" spans="1:12" ht="15.2" customHeight="1">
      <c r="A50" s="2" t="s">
        <v>175</v>
      </c>
      <c r="B50" s="2" t="s">
        <v>119</v>
      </c>
      <c r="C50" s="2"/>
      <c r="D50" s="2" t="s">
        <v>232</v>
      </c>
      <c r="E50" s="2" t="s">
        <v>233</v>
      </c>
      <c r="F50" s="2" t="s">
        <v>234</v>
      </c>
      <c r="G50" s="3">
        <v>1</v>
      </c>
      <c r="H50" s="2" t="s">
        <v>166</v>
      </c>
      <c r="I50" s="3">
        <v>2020</v>
      </c>
      <c r="J50" s="2" t="s">
        <v>20</v>
      </c>
      <c r="K50" s="2"/>
      <c r="L50" s="2" t="s">
        <v>235</v>
      </c>
    </row>
    <row r="51" spans="1:12" ht="15.2" customHeight="1">
      <c r="A51" s="2" t="s">
        <v>175</v>
      </c>
      <c r="B51" s="2" t="s">
        <v>124</v>
      </c>
      <c r="C51" s="2"/>
      <c r="D51" s="2" t="s">
        <v>236</v>
      </c>
      <c r="E51" s="2" t="s">
        <v>237</v>
      </c>
      <c r="F51" s="2" t="s">
        <v>238</v>
      </c>
      <c r="G51" s="3">
        <v>1</v>
      </c>
      <c r="H51" s="2" t="s">
        <v>166</v>
      </c>
      <c r="I51" s="3">
        <v>2020</v>
      </c>
      <c r="J51" s="2" t="s">
        <v>20</v>
      </c>
      <c r="K51" s="2"/>
      <c r="L51" s="2" t="s">
        <v>239</v>
      </c>
    </row>
    <row r="52" spans="1:12" ht="15.2" customHeight="1">
      <c r="A52" s="2" t="s">
        <v>175</v>
      </c>
      <c r="B52" s="2" t="s">
        <v>129</v>
      </c>
      <c r="C52" s="2" t="s">
        <v>240</v>
      </c>
      <c r="D52" s="2" t="s">
        <v>241</v>
      </c>
      <c r="E52" s="2" t="s">
        <v>242</v>
      </c>
      <c r="F52" s="2" t="s">
        <v>243</v>
      </c>
      <c r="G52" s="3">
        <v>4</v>
      </c>
      <c r="H52" s="2" t="s">
        <v>244</v>
      </c>
      <c r="I52" s="3">
        <v>2015</v>
      </c>
      <c r="J52" s="2" t="s">
        <v>20</v>
      </c>
      <c r="K52" s="2"/>
      <c r="L52" s="2" t="s">
        <v>245</v>
      </c>
    </row>
    <row r="53" spans="1:12" ht="15.2" customHeight="1">
      <c r="A53" s="2" t="s">
        <v>175</v>
      </c>
      <c r="B53" s="2" t="s">
        <v>134</v>
      </c>
      <c r="C53" s="2" t="s">
        <v>246</v>
      </c>
      <c r="D53" s="2" t="s">
        <v>247</v>
      </c>
      <c r="E53" s="2" t="s">
        <v>242</v>
      </c>
      <c r="F53" s="2" t="s">
        <v>248</v>
      </c>
      <c r="G53" s="3">
        <v>1</v>
      </c>
      <c r="H53" s="2" t="s">
        <v>249</v>
      </c>
      <c r="I53" s="3">
        <v>2017</v>
      </c>
      <c r="J53" s="2" t="s">
        <v>20</v>
      </c>
      <c r="K53" s="2"/>
      <c r="L53" s="2" t="s">
        <v>250</v>
      </c>
    </row>
    <row r="54" spans="1:12" ht="15.2" customHeight="1">
      <c r="A54" s="2" t="s">
        <v>175</v>
      </c>
      <c r="B54" s="2" t="s">
        <v>140</v>
      </c>
      <c r="C54" s="2" t="s">
        <v>197</v>
      </c>
      <c r="D54" s="2" t="s">
        <v>198</v>
      </c>
      <c r="E54" s="2" t="s">
        <v>199</v>
      </c>
      <c r="F54" s="2" t="s">
        <v>199</v>
      </c>
      <c r="G54" s="3">
        <v>1</v>
      </c>
      <c r="H54" s="2" t="s">
        <v>200</v>
      </c>
      <c r="I54" s="3">
        <v>2011</v>
      </c>
      <c r="J54" s="2" t="s">
        <v>32</v>
      </c>
      <c r="K54" s="2"/>
      <c r="L54" s="2" t="s">
        <v>201</v>
      </c>
    </row>
    <row r="55" spans="1:12" ht="15.2" customHeight="1">
      <c r="A55" s="2" t="s">
        <v>175</v>
      </c>
      <c r="B55" s="2" t="s">
        <v>150</v>
      </c>
      <c r="C55" s="2" t="s">
        <v>202</v>
      </c>
      <c r="D55" s="2" t="s">
        <v>203</v>
      </c>
      <c r="E55" s="2" t="s">
        <v>204</v>
      </c>
      <c r="F55" s="2" t="s">
        <v>205</v>
      </c>
      <c r="G55" s="3">
        <v>1</v>
      </c>
      <c r="H55" s="2" t="s">
        <v>200</v>
      </c>
      <c r="I55" s="3">
        <v>2011</v>
      </c>
      <c r="J55" s="2" t="s">
        <v>20</v>
      </c>
      <c r="K55" s="2"/>
      <c r="L55" s="2" t="s">
        <v>206</v>
      </c>
    </row>
    <row r="56" spans="1:12" ht="15.2" customHeight="1">
      <c r="A56" s="2" t="s">
        <v>175</v>
      </c>
      <c r="B56" s="2" t="s">
        <v>160</v>
      </c>
      <c r="C56" s="2" t="s">
        <v>176</v>
      </c>
      <c r="D56" s="2" t="s">
        <v>177</v>
      </c>
      <c r="E56" s="2" t="s">
        <v>17</v>
      </c>
      <c r="F56" s="2" t="s">
        <v>178</v>
      </c>
      <c r="G56" s="3">
        <v>11</v>
      </c>
      <c r="H56" s="2" t="s">
        <v>19</v>
      </c>
      <c r="I56" s="3">
        <v>2014</v>
      </c>
      <c r="J56" s="2" t="s">
        <v>20</v>
      </c>
      <c r="K56" s="2"/>
      <c r="L56" s="2" t="s">
        <v>179</v>
      </c>
    </row>
    <row r="57" spans="1:12" ht="15.2" customHeight="1">
      <c r="A57" s="2" t="s">
        <v>175</v>
      </c>
      <c r="B57" s="2" t="s">
        <v>161</v>
      </c>
      <c r="C57" s="2" t="s">
        <v>180</v>
      </c>
      <c r="D57" s="2" t="s">
        <v>181</v>
      </c>
      <c r="E57" s="2" t="s">
        <v>17</v>
      </c>
      <c r="F57" s="2" t="s">
        <v>182</v>
      </c>
      <c r="G57" s="3">
        <v>12</v>
      </c>
      <c r="H57" s="2" t="s">
        <v>19</v>
      </c>
      <c r="I57" s="3">
        <v>2014</v>
      </c>
      <c r="J57" s="2" t="s">
        <v>20</v>
      </c>
      <c r="K57" s="2"/>
      <c r="L57" s="2" t="s">
        <v>183</v>
      </c>
    </row>
    <row r="58" spans="1:12" ht="15.2" customHeight="1">
      <c r="A58" s="2" t="s">
        <v>175</v>
      </c>
      <c r="B58" s="2" t="s">
        <v>162</v>
      </c>
      <c r="C58" s="2" t="s">
        <v>77</v>
      </c>
      <c r="D58" s="2" t="s">
        <v>78</v>
      </c>
      <c r="E58" s="2" t="s">
        <v>79</v>
      </c>
      <c r="F58" s="2" t="s">
        <v>80</v>
      </c>
      <c r="G58" s="3">
        <v>7</v>
      </c>
      <c r="H58" s="2" t="s">
        <v>69</v>
      </c>
      <c r="I58" s="3">
        <v>2018</v>
      </c>
      <c r="J58" s="2" t="s">
        <v>20</v>
      </c>
      <c r="K58" s="2"/>
      <c r="L58" s="2" t="s">
        <v>81</v>
      </c>
    </row>
    <row r="59" spans="1:12" ht="15.2" customHeight="1">
      <c r="A59" s="2" t="s">
        <v>175</v>
      </c>
      <c r="B59" s="2" t="s">
        <v>168</v>
      </c>
      <c r="C59" s="2" t="s">
        <v>83</v>
      </c>
      <c r="D59" s="2" t="s">
        <v>84</v>
      </c>
      <c r="E59" s="2" t="s">
        <v>79</v>
      </c>
      <c r="F59" s="2" t="s">
        <v>85</v>
      </c>
      <c r="G59" s="3">
        <v>8</v>
      </c>
      <c r="H59" s="2" t="s">
        <v>69</v>
      </c>
      <c r="I59" s="3">
        <v>2018</v>
      </c>
      <c r="J59" s="2" t="s">
        <v>20</v>
      </c>
      <c r="K59" s="2"/>
      <c r="L59" s="2" t="s">
        <v>86</v>
      </c>
    </row>
    <row r="60" spans="1:12" ht="15.2" customHeight="1">
      <c r="A60" s="2" t="s">
        <v>175</v>
      </c>
      <c r="B60" s="2" t="s">
        <v>174</v>
      </c>
      <c r="C60" s="2" t="s">
        <v>65</v>
      </c>
      <c r="D60" s="2" t="s">
        <v>66</v>
      </c>
      <c r="E60" s="2" t="s">
        <v>67</v>
      </c>
      <c r="F60" s="2" t="s">
        <v>68</v>
      </c>
      <c r="G60" s="3">
        <v>3</v>
      </c>
      <c r="H60" s="2" t="s">
        <v>69</v>
      </c>
      <c r="I60" s="3">
        <v>2018</v>
      </c>
      <c r="J60" s="2" t="s">
        <v>32</v>
      </c>
      <c r="K60" s="2"/>
      <c r="L60" s="2" t="s">
        <v>70</v>
      </c>
    </row>
    <row r="61" spans="1:12" ht="15.2" customHeight="1">
      <c r="A61" s="2" t="s">
        <v>251</v>
      </c>
      <c r="B61" s="2" t="s">
        <v>14</v>
      </c>
      <c r="C61" s="2" t="s">
        <v>252</v>
      </c>
      <c r="D61" s="2" t="s">
        <v>253</v>
      </c>
      <c r="E61" s="2" t="s">
        <v>254</v>
      </c>
      <c r="F61" s="2" t="s">
        <v>255</v>
      </c>
      <c r="G61" s="3">
        <v>17</v>
      </c>
      <c r="H61" s="2" t="s">
        <v>19</v>
      </c>
      <c r="I61" s="3">
        <v>2018</v>
      </c>
      <c r="J61" s="2" t="s">
        <v>32</v>
      </c>
      <c r="K61" s="2"/>
      <c r="L61" s="2" t="s">
        <v>256</v>
      </c>
    </row>
    <row r="62" spans="1:12" ht="15.2" customHeight="1">
      <c r="A62" s="2" t="s">
        <v>251</v>
      </c>
      <c r="B62" s="2" t="s">
        <v>22</v>
      </c>
      <c r="C62" s="2" t="s">
        <v>257</v>
      </c>
      <c r="D62" s="2" t="s">
        <v>258</v>
      </c>
      <c r="E62" s="2" t="s">
        <v>254</v>
      </c>
      <c r="F62" s="2" t="s">
        <v>259</v>
      </c>
      <c r="G62" s="3">
        <v>18</v>
      </c>
      <c r="H62" s="2" t="s">
        <v>19</v>
      </c>
      <c r="I62" s="3">
        <v>2018</v>
      </c>
      <c r="J62" s="2" t="s">
        <v>32</v>
      </c>
      <c r="K62" s="2"/>
      <c r="L62" s="2" t="s">
        <v>260</v>
      </c>
    </row>
    <row r="63" spans="1:12" ht="15.2" customHeight="1">
      <c r="A63" s="2" t="s">
        <v>251</v>
      </c>
      <c r="B63" s="2" t="s">
        <v>27</v>
      </c>
      <c r="C63" s="2" t="s">
        <v>261</v>
      </c>
      <c r="D63" s="2" t="s">
        <v>262</v>
      </c>
      <c r="E63" s="2" t="s">
        <v>263</v>
      </c>
      <c r="F63" s="2" t="s">
        <v>264</v>
      </c>
      <c r="G63" s="3">
        <v>2</v>
      </c>
      <c r="H63" s="2" t="s">
        <v>69</v>
      </c>
      <c r="I63" s="3">
        <v>2017</v>
      </c>
      <c r="J63" s="2" t="s">
        <v>32</v>
      </c>
      <c r="K63" s="2"/>
      <c r="L63" s="2" t="s">
        <v>265</v>
      </c>
    </row>
    <row r="64" spans="1:12" ht="15.2" customHeight="1">
      <c r="A64" s="2" t="s">
        <v>251</v>
      </c>
      <c r="B64" s="2" t="s">
        <v>38</v>
      </c>
      <c r="C64" s="2" t="s">
        <v>266</v>
      </c>
      <c r="D64" s="2" t="s">
        <v>267</v>
      </c>
      <c r="E64" s="2" t="s">
        <v>268</v>
      </c>
      <c r="F64" s="2" t="s">
        <v>269</v>
      </c>
      <c r="G64" s="3">
        <v>10</v>
      </c>
      <c r="H64" s="2" t="s">
        <v>166</v>
      </c>
      <c r="I64" s="3">
        <v>2006</v>
      </c>
      <c r="J64" s="2" t="s">
        <v>32</v>
      </c>
      <c r="K64" s="2"/>
      <c r="L64" s="2" t="s">
        <v>270</v>
      </c>
    </row>
    <row r="65" spans="1:12" ht="15.2" customHeight="1">
      <c r="A65" s="2" t="s">
        <v>251</v>
      </c>
      <c r="B65" s="2" t="s">
        <v>46</v>
      </c>
      <c r="C65" s="2" t="s">
        <v>271</v>
      </c>
      <c r="D65" s="2" t="s">
        <v>272</v>
      </c>
      <c r="E65" s="2" t="s">
        <v>273</v>
      </c>
      <c r="F65" s="2" t="s">
        <v>274</v>
      </c>
      <c r="G65" s="3">
        <v>8</v>
      </c>
      <c r="H65" s="2" t="s">
        <v>249</v>
      </c>
      <c r="I65" s="3">
        <v>2009</v>
      </c>
      <c r="J65" s="2" t="s">
        <v>20</v>
      </c>
      <c r="K65" s="2"/>
      <c r="L65" s="2" t="s">
        <v>275</v>
      </c>
    </row>
    <row r="66" spans="1:12" ht="15.2" customHeight="1">
      <c r="A66" s="2" t="s">
        <v>251</v>
      </c>
      <c r="B66" s="2" t="s">
        <v>53</v>
      </c>
      <c r="C66" s="2" t="s">
        <v>276</v>
      </c>
      <c r="D66" s="2" t="s">
        <v>277</v>
      </c>
      <c r="E66" s="2" t="s">
        <v>273</v>
      </c>
      <c r="F66" s="2" t="s">
        <v>278</v>
      </c>
      <c r="G66" s="3">
        <v>3</v>
      </c>
      <c r="H66" s="2" t="s">
        <v>138</v>
      </c>
      <c r="I66" s="3">
        <v>2009</v>
      </c>
      <c r="J66" s="2" t="s">
        <v>20</v>
      </c>
      <c r="K66" s="2"/>
      <c r="L66" s="2" t="s">
        <v>279</v>
      </c>
    </row>
    <row r="67" spans="1:12" ht="15.2" customHeight="1">
      <c r="A67" s="2" t="s">
        <v>251</v>
      </c>
      <c r="B67" s="2" t="s">
        <v>60</v>
      </c>
      <c r="C67" s="2" t="s">
        <v>280</v>
      </c>
      <c r="D67" s="2" t="s">
        <v>281</v>
      </c>
      <c r="E67" s="2" t="s">
        <v>282</v>
      </c>
      <c r="F67" s="2" t="s">
        <v>283</v>
      </c>
      <c r="G67" s="3">
        <v>3</v>
      </c>
      <c r="H67" s="2" t="s">
        <v>69</v>
      </c>
      <c r="I67" s="3">
        <v>2016</v>
      </c>
      <c r="J67" s="2" t="s">
        <v>32</v>
      </c>
      <c r="K67" s="2"/>
      <c r="L67" s="2" t="s">
        <v>284</v>
      </c>
    </row>
    <row r="68" spans="1:12" ht="15.2" customHeight="1">
      <c r="A68" s="2" t="s">
        <v>251</v>
      </c>
      <c r="B68" s="2" t="s">
        <v>64</v>
      </c>
      <c r="C68" s="2" t="s">
        <v>285</v>
      </c>
      <c r="D68" s="2" t="s">
        <v>286</v>
      </c>
      <c r="E68" s="2" t="s">
        <v>287</v>
      </c>
      <c r="F68" s="2" t="s">
        <v>288</v>
      </c>
      <c r="G68" s="3">
        <v>2</v>
      </c>
      <c r="H68" s="2" t="s">
        <v>51</v>
      </c>
      <c r="I68" s="3">
        <v>2019</v>
      </c>
      <c r="J68" s="2" t="s">
        <v>20</v>
      </c>
      <c r="K68" s="2"/>
      <c r="L68" s="2" t="s">
        <v>289</v>
      </c>
    </row>
    <row r="69" spans="1:12" ht="15.2" customHeight="1">
      <c r="A69" s="2" t="s">
        <v>251</v>
      </c>
      <c r="B69" s="2" t="s">
        <v>71</v>
      </c>
      <c r="C69" s="2" t="s">
        <v>290</v>
      </c>
      <c r="D69" s="2" t="s">
        <v>291</v>
      </c>
      <c r="E69" s="2" t="s">
        <v>292</v>
      </c>
      <c r="F69" s="2" t="s">
        <v>293</v>
      </c>
      <c r="G69" s="3">
        <v>1</v>
      </c>
      <c r="H69" s="2" t="s">
        <v>69</v>
      </c>
      <c r="I69" s="3">
        <v>2019</v>
      </c>
      <c r="J69" s="2" t="s">
        <v>20</v>
      </c>
      <c r="K69" s="2"/>
      <c r="L69" s="2" t="s">
        <v>294</v>
      </c>
    </row>
    <row r="70" spans="1:12" ht="15.2" customHeight="1">
      <c r="A70" s="2" t="s">
        <v>251</v>
      </c>
      <c r="B70" s="2" t="s">
        <v>76</v>
      </c>
      <c r="C70" s="2" t="s">
        <v>295</v>
      </c>
      <c r="D70" s="2" t="s">
        <v>296</v>
      </c>
      <c r="E70" s="2" t="s">
        <v>292</v>
      </c>
      <c r="F70" s="2" t="s">
        <v>297</v>
      </c>
      <c r="G70" s="3">
        <v>2</v>
      </c>
      <c r="H70" s="2" t="s">
        <v>69</v>
      </c>
      <c r="I70" s="3">
        <v>2019</v>
      </c>
      <c r="J70" s="2" t="s">
        <v>20</v>
      </c>
      <c r="K70" s="2"/>
      <c r="L70" s="2" t="s">
        <v>298</v>
      </c>
    </row>
    <row r="71" spans="1:12" ht="15.2" customHeight="1">
      <c r="A71" s="2" t="s">
        <v>251</v>
      </c>
      <c r="B71" s="2" t="s">
        <v>82</v>
      </c>
      <c r="C71" s="2" t="s">
        <v>299</v>
      </c>
      <c r="D71" s="2" t="s">
        <v>300</v>
      </c>
      <c r="E71" s="2" t="s">
        <v>292</v>
      </c>
      <c r="F71" s="2" t="s">
        <v>301</v>
      </c>
      <c r="G71" s="3">
        <v>3</v>
      </c>
      <c r="H71" s="2" t="s">
        <v>69</v>
      </c>
      <c r="I71" s="3">
        <v>2019</v>
      </c>
      <c r="J71" s="2" t="s">
        <v>20</v>
      </c>
      <c r="K71" s="2"/>
      <c r="L71" s="2" t="s">
        <v>302</v>
      </c>
    </row>
    <row r="72" spans="1:12" ht="15.2" customHeight="1">
      <c r="A72" s="2" t="s">
        <v>251</v>
      </c>
      <c r="B72" s="2" t="s">
        <v>87</v>
      </c>
      <c r="C72" s="2" t="s">
        <v>303</v>
      </c>
      <c r="D72" s="2" t="s">
        <v>304</v>
      </c>
      <c r="E72" s="2" t="s">
        <v>292</v>
      </c>
      <c r="F72" s="2" t="s">
        <v>305</v>
      </c>
      <c r="G72" s="3">
        <v>4</v>
      </c>
      <c r="H72" s="2" t="s">
        <v>69</v>
      </c>
      <c r="I72" s="3">
        <v>2019</v>
      </c>
      <c r="J72" s="2" t="s">
        <v>20</v>
      </c>
      <c r="K72" s="2"/>
      <c r="L72" s="2" t="s">
        <v>306</v>
      </c>
    </row>
    <row r="73" spans="1:12" ht="15.2" customHeight="1">
      <c r="A73" s="2" t="s">
        <v>251</v>
      </c>
      <c r="B73" s="2" t="s">
        <v>92</v>
      </c>
      <c r="C73" s="2" t="s">
        <v>307</v>
      </c>
      <c r="D73" s="2" t="s">
        <v>308</v>
      </c>
      <c r="E73" s="2" t="s">
        <v>292</v>
      </c>
      <c r="F73" s="2" t="s">
        <v>309</v>
      </c>
      <c r="G73" s="3">
        <v>5</v>
      </c>
      <c r="H73" s="2" t="s">
        <v>69</v>
      </c>
      <c r="I73" s="3">
        <v>2019</v>
      </c>
      <c r="J73" s="2" t="s">
        <v>20</v>
      </c>
      <c r="K73" s="2"/>
      <c r="L73" s="2" t="s">
        <v>310</v>
      </c>
    </row>
    <row r="74" spans="1:12" ht="15.2" customHeight="1">
      <c r="A74" s="2" t="s">
        <v>251</v>
      </c>
      <c r="B74" s="2" t="s">
        <v>98</v>
      </c>
      <c r="C74" s="2" t="s">
        <v>311</v>
      </c>
      <c r="D74" s="2" t="s">
        <v>312</v>
      </c>
      <c r="E74" s="2" t="s">
        <v>313</v>
      </c>
      <c r="F74" s="2" t="s">
        <v>314</v>
      </c>
      <c r="G74" s="3">
        <v>5</v>
      </c>
      <c r="H74" s="2" t="s">
        <v>315</v>
      </c>
      <c r="I74" s="3">
        <v>2018</v>
      </c>
      <c r="J74" s="2" t="s">
        <v>20</v>
      </c>
      <c r="K74" s="2"/>
      <c r="L74" s="2" t="s">
        <v>316</v>
      </c>
    </row>
    <row r="75" spans="1:12" ht="15.2" customHeight="1">
      <c r="A75" s="2" t="s">
        <v>251</v>
      </c>
      <c r="B75" s="2" t="s">
        <v>104</v>
      </c>
      <c r="C75" s="2" t="s">
        <v>317</v>
      </c>
      <c r="D75" s="2" t="s">
        <v>318</v>
      </c>
      <c r="E75" s="2" t="s">
        <v>313</v>
      </c>
      <c r="F75" s="2" t="s">
        <v>319</v>
      </c>
      <c r="G75" s="3">
        <v>6</v>
      </c>
      <c r="H75" s="2" t="s">
        <v>138</v>
      </c>
      <c r="I75" s="3">
        <v>2018</v>
      </c>
      <c r="J75" s="2" t="s">
        <v>20</v>
      </c>
      <c r="K75" s="2"/>
      <c r="L75" s="2" t="s">
        <v>320</v>
      </c>
    </row>
    <row r="76" spans="1:12" ht="15.2" customHeight="1">
      <c r="A76" s="2" t="s">
        <v>251</v>
      </c>
      <c r="B76" s="2" t="s">
        <v>109</v>
      </c>
      <c r="C76" s="2" t="s">
        <v>321</v>
      </c>
      <c r="D76" s="2" t="s">
        <v>322</v>
      </c>
      <c r="E76" s="2" t="s">
        <v>323</v>
      </c>
      <c r="F76" s="2" t="s">
        <v>324</v>
      </c>
      <c r="G76" s="3">
        <v>3</v>
      </c>
      <c r="H76" s="2" t="s">
        <v>69</v>
      </c>
      <c r="I76" s="3">
        <v>2019</v>
      </c>
      <c r="J76" s="2" t="s">
        <v>20</v>
      </c>
      <c r="K76" s="2"/>
      <c r="L76" s="2" t="s">
        <v>325</v>
      </c>
    </row>
    <row r="77" spans="1:12" ht="15.2" customHeight="1">
      <c r="A77" s="2" t="s">
        <v>251</v>
      </c>
      <c r="B77" s="2" t="s">
        <v>114</v>
      </c>
      <c r="C77" s="2" t="s">
        <v>105</v>
      </c>
      <c r="D77" s="2" t="s">
        <v>106</v>
      </c>
      <c r="E77" s="2" t="s">
        <v>101</v>
      </c>
      <c r="F77" s="2" t="s">
        <v>107</v>
      </c>
      <c r="G77" s="3">
        <v>5</v>
      </c>
      <c r="H77" s="2" t="s">
        <v>51</v>
      </c>
      <c r="I77" s="3">
        <v>2019</v>
      </c>
      <c r="J77" s="2" t="s">
        <v>20</v>
      </c>
      <c r="K77" s="2"/>
      <c r="L77" s="2" t="s">
        <v>108</v>
      </c>
    </row>
    <row r="78" spans="1:12" ht="15.2" customHeight="1">
      <c r="A78" s="2" t="s">
        <v>251</v>
      </c>
      <c r="B78" s="2" t="s">
        <v>119</v>
      </c>
      <c r="C78" s="2"/>
      <c r="D78" s="2" t="s">
        <v>326</v>
      </c>
      <c r="E78" s="2" t="s">
        <v>217</v>
      </c>
      <c r="F78" s="2" t="s">
        <v>327</v>
      </c>
      <c r="G78" s="3">
        <v>7</v>
      </c>
      <c r="H78" s="2" t="s">
        <v>166</v>
      </c>
      <c r="I78" s="3">
        <v>2020</v>
      </c>
      <c r="J78" s="2" t="s">
        <v>20</v>
      </c>
      <c r="K78" s="2"/>
      <c r="L78" s="2" t="s">
        <v>328</v>
      </c>
    </row>
    <row r="79" spans="1:12" ht="15.2" customHeight="1">
      <c r="A79" s="2" t="s">
        <v>251</v>
      </c>
      <c r="B79" s="2" t="s">
        <v>124</v>
      </c>
      <c r="C79" s="2"/>
      <c r="D79" s="2" t="s">
        <v>329</v>
      </c>
      <c r="E79" s="2" t="s">
        <v>217</v>
      </c>
      <c r="F79" s="2" t="s">
        <v>330</v>
      </c>
      <c r="G79" s="3">
        <v>8</v>
      </c>
      <c r="H79" s="2" t="s">
        <v>166</v>
      </c>
      <c r="I79" s="3">
        <v>2020</v>
      </c>
      <c r="J79" s="2" t="s">
        <v>20</v>
      </c>
      <c r="K79" s="2"/>
      <c r="L79" s="2" t="s">
        <v>331</v>
      </c>
    </row>
    <row r="80" spans="1:12" ht="15.2" customHeight="1">
      <c r="A80" s="2" t="s">
        <v>251</v>
      </c>
      <c r="B80" s="2" t="s">
        <v>129</v>
      </c>
      <c r="C80" s="2" t="s">
        <v>332</v>
      </c>
      <c r="D80" s="2" t="s">
        <v>333</v>
      </c>
      <c r="E80" s="2" t="s">
        <v>217</v>
      </c>
      <c r="F80" s="2" t="s">
        <v>334</v>
      </c>
      <c r="G80" s="3">
        <v>7</v>
      </c>
      <c r="H80" s="2" t="s">
        <v>51</v>
      </c>
      <c r="I80" s="3">
        <v>2019</v>
      </c>
      <c r="J80" s="2" t="s">
        <v>226</v>
      </c>
      <c r="K80" s="2"/>
      <c r="L80" s="2" t="s">
        <v>335</v>
      </c>
    </row>
    <row r="81" spans="1:12" ht="15.2" customHeight="1">
      <c r="A81" s="2" t="s">
        <v>251</v>
      </c>
      <c r="B81" s="2" t="s">
        <v>134</v>
      </c>
      <c r="C81" s="2" t="s">
        <v>336</v>
      </c>
      <c r="D81" s="2" t="s">
        <v>337</v>
      </c>
      <c r="E81" s="2" t="s">
        <v>217</v>
      </c>
      <c r="F81" s="2" t="s">
        <v>338</v>
      </c>
      <c r="G81" s="3">
        <v>8</v>
      </c>
      <c r="H81" s="2" t="s">
        <v>51</v>
      </c>
      <c r="I81" s="3">
        <v>2019</v>
      </c>
      <c r="J81" s="2" t="s">
        <v>226</v>
      </c>
      <c r="K81" s="2"/>
      <c r="L81" s="2" t="s">
        <v>339</v>
      </c>
    </row>
    <row r="82" spans="1:12" ht="15.2" customHeight="1">
      <c r="A82" s="2" t="s">
        <v>251</v>
      </c>
      <c r="B82" s="2" t="s">
        <v>140</v>
      </c>
      <c r="C82" s="2"/>
      <c r="D82" s="2" t="s">
        <v>216</v>
      </c>
      <c r="E82" s="2" t="s">
        <v>217</v>
      </c>
      <c r="F82" s="2" t="s">
        <v>218</v>
      </c>
      <c r="G82" s="3">
        <v>5</v>
      </c>
      <c r="H82" s="2" t="s">
        <v>166</v>
      </c>
      <c r="I82" s="3">
        <v>2020</v>
      </c>
      <c r="J82" s="2" t="s">
        <v>20</v>
      </c>
      <c r="K82" s="2"/>
      <c r="L82" s="2" t="s">
        <v>219</v>
      </c>
    </row>
    <row r="83" spans="1:12" ht="15.2" customHeight="1">
      <c r="A83" s="2" t="s">
        <v>251</v>
      </c>
      <c r="B83" s="2" t="s">
        <v>145</v>
      </c>
      <c r="C83" s="2"/>
      <c r="D83" s="2" t="s">
        <v>220</v>
      </c>
      <c r="E83" s="2" t="s">
        <v>217</v>
      </c>
      <c r="F83" s="2" t="s">
        <v>221</v>
      </c>
      <c r="G83" s="3">
        <v>6</v>
      </c>
      <c r="H83" s="2" t="s">
        <v>166</v>
      </c>
      <c r="I83" s="3">
        <v>2020</v>
      </c>
      <c r="J83" s="2" t="s">
        <v>20</v>
      </c>
      <c r="K83" s="2"/>
      <c r="L83" s="2" t="s">
        <v>222</v>
      </c>
    </row>
    <row r="84" spans="1:12" ht="15.2" customHeight="1">
      <c r="A84" s="2" t="s">
        <v>251</v>
      </c>
      <c r="B84" s="2" t="s">
        <v>150</v>
      </c>
      <c r="C84" s="2" t="s">
        <v>223</v>
      </c>
      <c r="D84" s="2" t="s">
        <v>224</v>
      </c>
      <c r="E84" s="2" t="s">
        <v>217</v>
      </c>
      <c r="F84" s="2" t="s">
        <v>225</v>
      </c>
      <c r="G84" s="3">
        <v>5</v>
      </c>
      <c r="H84" s="2" t="s">
        <v>51</v>
      </c>
      <c r="I84" s="3">
        <v>2019</v>
      </c>
      <c r="J84" s="2" t="s">
        <v>226</v>
      </c>
      <c r="K84" s="2"/>
      <c r="L84" s="2" t="s">
        <v>227</v>
      </c>
    </row>
    <row r="85" spans="1:12" ht="15.2" customHeight="1">
      <c r="A85" s="2" t="s">
        <v>251</v>
      </c>
      <c r="B85" s="2" t="s">
        <v>155</v>
      </c>
      <c r="C85" s="2" t="s">
        <v>228</v>
      </c>
      <c r="D85" s="2" t="s">
        <v>229</v>
      </c>
      <c r="E85" s="2" t="s">
        <v>217</v>
      </c>
      <c r="F85" s="2" t="s">
        <v>230</v>
      </c>
      <c r="G85" s="3">
        <v>6</v>
      </c>
      <c r="H85" s="2" t="s">
        <v>51</v>
      </c>
      <c r="I85" s="3">
        <v>2019</v>
      </c>
      <c r="J85" s="2" t="s">
        <v>226</v>
      </c>
      <c r="K85" s="2"/>
      <c r="L85" s="2" t="s">
        <v>231</v>
      </c>
    </row>
    <row r="86" spans="1:12" ht="15.2" customHeight="1">
      <c r="A86" s="2" t="s">
        <v>251</v>
      </c>
      <c r="B86" s="2" t="s">
        <v>160</v>
      </c>
      <c r="C86" s="2" t="s">
        <v>252</v>
      </c>
      <c r="D86" s="2" t="s">
        <v>253</v>
      </c>
      <c r="E86" s="2" t="s">
        <v>254</v>
      </c>
      <c r="F86" s="2" t="s">
        <v>255</v>
      </c>
      <c r="G86" s="3">
        <v>17</v>
      </c>
      <c r="H86" s="2" t="s">
        <v>19</v>
      </c>
      <c r="I86" s="3">
        <v>2018</v>
      </c>
      <c r="J86" s="2" t="s">
        <v>32</v>
      </c>
      <c r="K86" s="2"/>
      <c r="L86" s="2" t="s">
        <v>256</v>
      </c>
    </row>
    <row r="87" spans="1:12" ht="15.2" customHeight="1">
      <c r="A87" s="2" t="s">
        <v>251</v>
      </c>
      <c r="B87" s="2" t="s">
        <v>161</v>
      </c>
      <c r="C87" s="2" t="s">
        <v>257</v>
      </c>
      <c r="D87" s="2" t="s">
        <v>258</v>
      </c>
      <c r="E87" s="2" t="s">
        <v>254</v>
      </c>
      <c r="F87" s="2" t="s">
        <v>259</v>
      </c>
      <c r="G87" s="3">
        <v>18</v>
      </c>
      <c r="H87" s="2" t="s">
        <v>19</v>
      </c>
      <c r="I87" s="3">
        <v>2018</v>
      </c>
      <c r="J87" s="2" t="s">
        <v>32</v>
      </c>
      <c r="K87" s="2"/>
      <c r="L87" s="2" t="s">
        <v>260</v>
      </c>
    </row>
    <row r="88" spans="1:12" ht="15.2" customHeight="1">
      <c r="A88" s="2" t="s">
        <v>251</v>
      </c>
      <c r="B88" s="2" t="s">
        <v>162</v>
      </c>
      <c r="C88" s="2" t="s">
        <v>271</v>
      </c>
      <c r="D88" s="2" t="s">
        <v>272</v>
      </c>
      <c r="E88" s="2" t="s">
        <v>273</v>
      </c>
      <c r="F88" s="2" t="s">
        <v>274</v>
      </c>
      <c r="G88" s="3">
        <v>8</v>
      </c>
      <c r="H88" s="2" t="s">
        <v>249</v>
      </c>
      <c r="I88" s="3">
        <v>2009</v>
      </c>
      <c r="J88" s="2" t="s">
        <v>20</v>
      </c>
      <c r="K88" s="2"/>
      <c r="L88" s="2" t="s">
        <v>275</v>
      </c>
    </row>
    <row r="89" spans="1:12" ht="15.2" customHeight="1">
      <c r="A89" s="2" t="s">
        <v>251</v>
      </c>
      <c r="B89" s="2" t="s">
        <v>168</v>
      </c>
      <c r="C89" s="2" t="s">
        <v>276</v>
      </c>
      <c r="D89" s="2" t="s">
        <v>277</v>
      </c>
      <c r="E89" s="2" t="s">
        <v>273</v>
      </c>
      <c r="F89" s="2" t="s">
        <v>278</v>
      </c>
      <c r="G89" s="3">
        <v>3</v>
      </c>
      <c r="H89" s="2" t="s">
        <v>138</v>
      </c>
      <c r="I89" s="3">
        <v>2009</v>
      </c>
      <c r="J89" s="2" t="s">
        <v>20</v>
      </c>
      <c r="K89" s="2"/>
      <c r="L89" s="2" t="s">
        <v>279</v>
      </c>
    </row>
    <row r="90" spans="1:12" ht="15.2" customHeight="1">
      <c r="A90" s="2" t="s">
        <v>251</v>
      </c>
      <c r="B90" s="2" t="s">
        <v>174</v>
      </c>
      <c r="C90" s="2" t="s">
        <v>280</v>
      </c>
      <c r="D90" s="2" t="s">
        <v>281</v>
      </c>
      <c r="E90" s="2" t="s">
        <v>282</v>
      </c>
      <c r="F90" s="2" t="s">
        <v>283</v>
      </c>
      <c r="G90" s="3">
        <v>3</v>
      </c>
      <c r="H90" s="2" t="s">
        <v>69</v>
      </c>
      <c r="I90" s="3">
        <v>2016</v>
      </c>
      <c r="J90" s="2" t="s">
        <v>32</v>
      </c>
      <c r="K90" s="2"/>
      <c r="L90" s="2" t="s">
        <v>284</v>
      </c>
    </row>
    <row r="91" spans="1:12" ht="15.2" customHeight="1">
      <c r="A91" s="2" t="s">
        <v>340</v>
      </c>
      <c r="B91" s="2" t="s">
        <v>14</v>
      </c>
      <c r="C91" s="2" t="s">
        <v>341</v>
      </c>
      <c r="D91" s="2" t="s">
        <v>342</v>
      </c>
      <c r="E91" s="2" t="s">
        <v>343</v>
      </c>
      <c r="F91" s="2" t="s">
        <v>344</v>
      </c>
      <c r="G91" s="3">
        <v>1</v>
      </c>
      <c r="H91" s="2" t="s">
        <v>345</v>
      </c>
      <c r="I91" s="3">
        <v>2013</v>
      </c>
      <c r="J91" s="2" t="s">
        <v>20</v>
      </c>
      <c r="K91" s="2"/>
      <c r="L91" s="2" t="s">
        <v>346</v>
      </c>
    </row>
    <row r="92" spans="1:12" ht="15.2" customHeight="1">
      <c r="A92" s="2" t="s">
        <v>340</v>
      </c>
      <c r="B92" s="2" t="s">
        <v>347</v>
      </c>
      <c r="C92" s="2" t="s">
        <v>348</v>
      </c>
      <c r="D92" s="2" t="s">
        <v>349</v>
      </c>
      <c r="E92" s="2" t="s">
        <v>254</v>
      </c>
      <c r="F92" s="2" t="s">
        <v>350</v>
      </c>
      <c r="G92" s="3">
        <v>19</v>
      </c>
      <c r="H92" s="2" t="s">
        <v>31</v>
      </c>
      <c r="I92" s="3">
        <v>2018</v>
      </c>
      <c r="J92" s="2" t="s">
        <v>32</v>
      </c>
      <c r="K92" s="2"/>
      <c r="L92" s="2" t="s">
        <v>260</v>
      </c>
    </row>
    <row r="93" spans="1:12" ht="15.2" customHeight="1">
      <c r="A93" s="2" t="s">
        <v>340</v>
      </c>
      <c r="B93" s="2" t="s">
        <v>351</v>
      </c>
      <c r="C93" s="2" t="s">
        <v>352</v>
      </c>
      <c r="D93" s="2" t="s">
        <v>353</v>
      </c>
      <c r="E93" s="2" t="s">
        <v>254</v>
      </c>
      <c r="F93" s="2" t="s">
        <v>354</v>
      </c>
      <c r="G93" s="3">
        <v>20</v>
      </c>
      <c r="H93" s="2" t="s">
        <v>31</v>
      </c>
      <c r="I93" s="3">
        <v>2018</v>
      </c>
      <c r="J93" s="2" t="s">
        <v>32</v>
      </c>
      <c r="K93" s="2"/>
      <c r="L93" s="2" t="s">
        <v>260</v>
      </c>
    </row>
    <row r="94" spans="1:12" ht="15.2" customHeight="1">
      <c r="A94" s="2" t="s">
        <v>340</v>
      </c>
      <c r="B94" s="2" t="s">
        <v>355</v>
      </c>
      <c r="C94" s="2" t="s">
        <v>356</v>
      </c>
      <c r="D94" s="2" t="s">
        <v>357</v>
      </c>
      <c r="E94" s="2" t="s">
        <v>79</v>
      </c>
      <c r="F94" s="2" t="s">
        <v>358</v>
      </c>
      <c r="G94" s="3">
        <v>1</v>
      </c>
      <c r="H94" s="2" t="s">
        <v>57</v>
      </c>
      <c r="I94" s="3">
        <v>2008</v>
      </c>
      <c r="J94" s="2" t="s">
        <v>96</v>
      </c>
      <c r="K94" s="2"/>
      <c r="L94" s="2" t="s">
        <v>359</v>
      </c>
    </row>
    <row r="95" spans="1:12" ht="15.2" customHeight="1">
      <c r="A95" s="2" t="s">
        <v>340</v>
      </c>
      <c r="B95" s="2" t="s">
        <v>42</v>
      </c>
      <c r="C95" s="2" t="s">
        <v>360</v>
      </c>
      <c r="D95" s="2" t="s">
        <v>361</v>
      </c>
      <c r="E95" s="2" t="s">
        <v>268</v>
      </c>
      <c r="F95" s="2" t="s">
        <v>362</v>
      </c>
      <c r="G95" s="3">
        <v>11</v>
      </c>
      <c r="H95" s="2" t="s">
        <v>57</v>
      </c>
      <c r="I95" s="3">
        <v>2006</v>
      </c>
      <c r="J95" s="2" t="s">
        <v>32</v>
      </c>
      <c r="K95" s="2"/>
      <c r="L95" s="2" t="s">
        <v>363</v>
      </c>
    </row>
    <row r="96" spans="1:12" ht="15.2" customHeight="1">
      <c r="A96" s="2" t="s">
        <v>340</v>
      </c>
      <c r="B96" s="2" t="s">
        <v>364</v>
      </c>
      <c r="C96" s="2" t="s">
        <v>365</v>
      </c>
      <c r="D96" s="2" t="s">
        <v>366</v>
      </c>
      <c r="E96" s="2" t="s">
        <v>273</v>
      </c>
      <c r="F96" s="2" t="s">
        <v>367</v>
      </c>
      <c r="G96" s="3">
        <v>9</v>
      </c>
      <c r="H96" s="2" t="s">
        <v>368</v>
      </c>
      <c r="I96" s="3">
        <v>2009</v>
      </c>
      <c r="J96" s="2" t="s">
        <v>20</v>
      </c>
      <c r="K96" s="2"/>
      <c r="L96" s="2" t="s">
        <v>369</v>
      </c>
    </row>
    <row r="97" spans="1:12" ht="15.2" customHeight="1">
      <c r="A97" s="2" t="s">
        <v>340</v>
      </c>
      <c r="B97" s="2" t="s">
        <v>370</v>
      </c>
      <c r="C97" s="2" t="s">
        <v>371</v>
      </c>
      <c r="D97" s="2" t="s">
        <v>372</v>
      </c>
      <c r="E97" s="2" t="s">
        <v>273</v>
      </c>
      <c r="F97" s="2" t="s">
        <v>373</v>
      </c>
      <c r="G97" s="3">
        <v>4</v>
      </c>
      <c r="H97" s="2" t="s">
        <v>368</v>
      </c>
      <c r="I97" s="3">
        <v>2009</v>
      </c>
      <c r="J97" s="2" t="s">
        <v>20</v>
      </c>
      <c r="K97" s="2"/>
      <c r="L97" s="2" t="s">
        <v>374</v>
      </c>
    </row>
    <row r="98" spans="1:12" ht="15.2" customHeight="1">
      <c r="A98" s="2" t="s">
        <v>340</v>
      </c>
      <c r="B98" s="2" t="s">
        <v>375</v>
      </c>
      <c r="C98" s="2" t="s">
        <v>376</v>
      </c>
      <c r="D98" s="2" t="s">
        <v>377</v>
      </c>
      <c r="E98" s="2" t="s">
        <v>282</v>
      </c>
      <c r="F98" s="2" t="s">
        <v>378</v>
      </c>
      <c r="G98" s="3">
        <v>1</v>
      </c>
      <c r="H98" s="2" t="s">
        <v>57</v>
      </c>
      <c r="I98" s="3">
        <v>2016</v>
      </c>
      <c r="J98" s="2" t="s">
        <v>32</v>
      </c>
      <c r="K98" s="2"/>
      <c r="L98" s="2" t="s">
        <v>379</v>
      </c>
    </row>
    <row r="99" spans="1:12" ht="15.2" customHeight="1">
      <c r="A99" s="2" t="s">
        <v>340</v>
      </c>
      <c r="B99" s="2" t="s">
        <v>380</v>
      </c>
      <c r="C99" s="2" t="s">
        <v>381</v>
      </c>
      <c r="D99" s="2" t="s">
        <v>382</v>
      </c>
      <c r="E99" s="2" t="s">
        <v>287</v>
      </c>
      <c r="F99" s="2" t="s">
        <v>383</v>
      </c>
      <c r="G99" s="3">
        <v>3</v>
      </c>
      <c r="H99" s="2" t="s">
        <v>166</v>
      </c>
      <c r="I99" s="3">
        <v>2019</v>
      </c>
      <c r="J99" s="2" t="s">
        <v>20</v>
      </c>
      <c r="K99" s="2"/>
      <c r="L99" s="2" t="s">
        <v>384</v>
      </c>
    </row>
    <row r="100" spans="1:12" ht="15.2" customHeight="1">
      <c r="A100" s="2" t="s">
        <v>340</v>
      </c>
      <c r="B100" s="2" t="s">
        <v>385</v>
      </c>
      <c r="C100" s="2" t="s">
        <v>386</v>
      </c>
      <c r="D100" s="2" t="s">
        <v>387</v>
      </c>
      <c r="E100" s="2" t="s">
        <v>388</v>
      </c>
      <c r="F100" s="2" t="s">
        <v>389</v>
      </c>
      <c r="G100" s="3">
        <v>5</v>
      </c>
      <c r="H100" s="2" t="s">
        <v>57</v>
      </c>
      <c r="I100" s="3">
        <v>2015</v>
      </c>
      <c r="J100" s="2" t="s">
        <v>32</v>
      </c>
      <c r="K100" s="2"/>
      <c r="L100" s="2" t="s">
        <v>390</v>
      </c>
    </row>
    <row r="101" spans="1:12" ht="15.2" customHeight="1">
      <c r="A101" s="2" t="s">
        <v>340</v>
      </c>
      <c r="B101" s="2" t="s">
        <v>391</v>
      </c>
      <c r="C101" s="2" t="s">
        <v>392</v>
      </c>
      <c r="D101" s="2" t="s">
        <v>393</v>
      </c>
      <c r="E101" s="2" t="s">
        <v>388</v>
      </c>
      <c r="F101" s="2" t="s">
        <v>394</v>
      </c>
      <c r="G101" s="3">
        <v>6</v>
      </c>
      <c r="H101" s="2" t="s">
        <v>57</v>
      </c>
      <c r="I101" s="3">
        <v>2015</v>
      </c>
      <c r="J101" s="2" t="s">
        <v>32</v>
      </c>
      <c r="K101" s="2"/>
      <c r="L101" s="2" t="s">
        <v>395</v>
      </c>
    </row>
    <row r="102" spans="1:12" ht="15.2" customHeight="1">
      <c r="A102" s="2" t="s">
        <v>340</v>
      </c>
      <c r="B102" s="2" t="s">
        <v>396</v>
      </c>
      <c r="C102" s="2" t="s">
        <v>397</v>
      </c>
      <c r="D102" s="2" t="s">
        <v>398</v>
      </c>
      <c r="E102" s="2" t="s">
        <v>388</v>
      </c>
      <c r="F102" s="2" t="s">
        <v>399</v>
      </c>
      <c r="G102" s="3">
        <v>7</v>
      </c>
      <c r="H102" s="2" t="s">
        <v>57</v>
      </c>
      <c r="I102" s="3">
        <v>2015</v>
      </c>
      <c r="J102" s="2" t="s">
        <v>32</v>
      </c>
      <c r="K102" s="2"/>
      <c r="L102" s="2" t="s">
        <v>400</v>
      </c>
    </row>
    <row r="103" spans="1:12" ht="15.2" customHeight="1">
      <c r="A103" s="2" t="s">
        <v>340</v>
      </c>
      <c r="B103" s="2" t="s">
        <v>87</v>
      </c>
      <c r="C103" s="2" t="s">
        <v>401</v>
      </c>
      <c r="D103" s="2" t="s">
        <v>402</v>
      </c>
      <c r="E103" s="2" t="s">
        <v>388</v>
      </c>
      <c r="F103" s="2" t="s">
        <v>403</v>
      </c>
      <c r="G103" s="3">
        <v>8</v>
      </c>
      <c r="H103" s="2" t="s">
        <v>57</v>
      </c>
      <c r="I103" s="3">
        <v>2015</v>
      </c>
      <c r="J103" s="2" t="s">
        <v>32</v>
      </c>
      <c r="K103" s="2"/>
      <c r="L103" s="2" t="s">
        <v>404</v>
      </c>
    </row>
    <row r="104" spans="1:12" ht="15.2" customHeight="1">
      <c r="A104" s="2" t="s">
        <v>340</v>
      </c>
      <c r="B104" s="2" t="s">
        <v>92</v>
      </c>
      <c r="C104" s="2" t="s">
        <v>405</v>
      </c>
      <c r="D104" s="2" t="s">
        <v>406</v>
      </c>
      <c r="E104" s="2" t="s">
        <v>407</v>
      </c>
      <c r="F104" s="2" t="s">
        <v>408</v>
      </c>
      <c r="G104" s="3">
        <v>1</v>
      </c>
      <c r="H104" s="2" t="s">
        <v>57</v>
      </c>
      <c r="I104" s="3">
        <v>2015</v>
      </c>
      <c r="J104" s="2" t="s">
        <v>20</v>
      </c>
      <c r="K104" s="2"/>
      <c r="L104" s="2" t="s">
        <v>409</v>
      </c>
    </row>
    <row r="105" spans="1:12" ht="15.2" customHeight="1">
      <c r="A105" s="2" t="s">
        <v>340</v>
      </c>
      <c r="B105" s="2" t="s">
        <v>98</v>
      </c>
      <c r="C105" s="2" t="s">
        <v>410</v>
      </c>
      <c r="D105" s="2" t="s">
        <v>411</v>
      </c>
      <c r="E105" s="2" t="s">
        <v>313</v>
      </c>
      <c r="F105" s="2" t="s">
        <v>412</v>
      </c>
      <c r="G105" s="3">
        <v>7</v>
      </c>
      <c r="H105" s="2" t="s">
        <v>166</v>
      </c>
      <c r="I105" s="3">
        <v>2018</v>
      </c>
      <c r="J105" s="2" t="s">
        <v>20</v>
      </c>
      <c r="K105" s="2"/>
      <c r="L105" s="2" t="s">
        <v>413</v>
      </c>
    </row>
    <row r="106" spans="1:12" ht="15.2" customHeight="1">
      <c r="A106" s="2" t="s">
        <v>340</v>
      </c>
      <c r="B106" s="2" t="s">
        <v>104</v>
      </c>
      <c r="C106" s="2" t="s">
        <v>414</v>
      </c>
      <c r="D106" s="2" t="s">
        <v>415</v>
      </c>
      <c r="E106" s="2" t="s">
        <v>313</v>
      </c>
      <c r="F106" s="2" t="s">
        <v>416</v>
      </c>
      <c r="G106" s="3">
        <v>8</v>
      </c>
      <c r="H106" s="2" t="s">
        <v>166</v>
      </c>
      <c r="I106" s="3">
        <v>2018</v>
      </c>
      <c r="J106" s="2" t="s">
        <v>20</v>
      </c>
      <c r="K106" s="2"/>
      <c r="L106" s="2" t="s">
        <v>417</v>
      </c>
    </row>
    <row r="107" spans="1:12" ht="15.2" customHeight="1">
      <c r="A107" s="2" t="s">
        <v>340</v>
      </c>
      <c r="B107" s="2" t="s">
        <v>109</v>
      </c>
      <c r="C107" s="2" t="s">
        <v>418</v>
      </c>
      <c r="D107" s="2" t="s">
        <v>419</v>
      </c>
      <c r="E107" s="2" t="s">
        <v>323</v>
      </c>
      <c r="F107" s="2" t="s">
        <v>420</v>
      </c>
      <c r="G107" s="3">
        <v>4</v>
      </c>
      <c r="H107" s="2" t="s">
        <v>166</v>
      </c>
      <c r="I107" s="3">
        <v>2019</v>
      </c>
      <c r="J107" s="2" t="s">
        <v>20</v>
      </c>
      <c r="K107" s="2"/>
      <c r="L107" s="2" t="s">
        <v>421</v>
      </c>
    </row>
    <row r="108" spans="1:12" ht="15.2" customHeight="1">
      <c r="A108" s="2" t="s">
        <v>340</v>
      </c>
      <c r="B108" s="2" t="s">
        <v>114</v>
      </c>
      <c r="C108" s="2" t="s">
        <v>115</v>
      </c>
      <c r="D108" s="2" t="s">
        <v>116</v>
      </c>
      <c r="E108" s="2" t="s">
        <v>101</v>
      </c>
      <c r="F108" s="2" t="s">
        <v>117</v>
      </c>
      <c r="G108" s="3">
        <v>7</v>
      </c>
      <c r="H108" s="2" t="s">
        <v>166</v>
      </c>
      <c r="I108" s="3">
        <v>2019</v>
      </c>
      <c r="J108" s="2" t="s">
        <v>20</v>
      </c>
      <c r="K108" s="2"/>
      <c r="L108" s="2" t="s">
        <v>118</v>
      </c>
    </row>
    <row r="109" spans="1:12" s="8" customFormat="1" ht="15.2" customHeight="1">
      <c r="A109" s="7" t="s">
        <v>340</v>
      </c>
      <c r="B109" s="7" t="s">
        <v>119</v>
      </c>
      <c r="C109" s="7"/>
      <c r="D109" s="7" t="s">
        <v>422</v>
      </c>
      <c r="E109" s="7" t="s">
        <v>55</v>
      </c>
      <c r="F109" s="7" t="s">
        <v>423</v>
      </c>
      <c r="G109" s="7">
        <v>5</v>
      </c>
      <c r="H109" s="7" t="s">
        <v>57</v>
      </c>
      <c r="I109" s="7">
        <v>2019</v>
      </c>
      <c r="J109" s="7" t="s">
        <v>58</v>
      </c>
      <c r="K109" s="7"/>
      <c r="L109" s="7" t="s">
        <v>424</v>
      </c>
    </row>
    <row r="110" spans="1:12" ht="15.2" customHeight="1">
      <c r="A110" s="2" t="s">
        <v>340</v>
      </c>
      <c r="B110" s="2" t="s">
        <v>124</v>
      </c>
      <c r="C110" s="2"/>
      <c r="D110" s="2" t="s">
        <v>425</v>
      </c>
      <c r="E110" s="2" t="s">
        <v>55</v>
      </c>
      <c r="F110" s="2" t="s">
        <v>426</v>
      </c>
      <c r="G110" s="3">
        <v>6</v>
      </c>
      <c r="H110" s="2" t="s">
        <v>57</v>
      </c>
      <c r="I110" s="3">
        <v>2019</v>
      </c>
      <c r="J110" s="2" t="s">
        <v>58</v>
      </c>
      <c r="K110" s="2"/>
      <c r="L110" s="2" t="s">
        <v>427</v>
      </c>
    </row>
    <row r="111" spans="1:12" ht="15.2" customHeight="1">
      <c r="A111" s="2" t="s">
        <v>340</v>
      </c>
      <c r="B111" s="2" t="s">
        <v>129</v>
      </c>
      <c r="C111" s="2" t="s">
        <v>428</v>
      </c>
      <c r="D111" s="2" t="s">
        <v>429</v>
      </c>
      <c r="E111" s="2" t="s">
        <v>430</v>
      </c>
      <c r="F111" s="2" t="s">
        <v>431</v>
      </c>
      <c r="G111" s="3">
        <v>1</v>
      </c>
      <c r="H111" s="2" t="s">
        <v>57</v>
      </c>
      <c r="I111" s="3">
        <v>2017</v>
      </c>
      <c r="J111" s="2" t="s">
        <v>32</v>
      </c>
      <c r="K111" s="2"/>
      <c r="L111" s="2" t="s">
        <v>432</v>
      </c>
    </row>
    <row r="112" spans="1:12" ht="15.2" customHeight="1">
      <c r="A112" s="2" t="s">
        <v>340</v>
      </c>
      <c r="B112" s="2" t="s">
        <v>134</v>
      </c>
      <c r="C112" s="2" t="s">
        <v>433</v>
      </c>
      <c r="D112" s="2" t="s">
        <v>434</v>
      </c>
      <c r="E112" s="2" t="s">
        <v>430</v>
      </c>
      <c r="F112" s="2" t="s">
        <v>435</v>
      </c>
      <c r="G112" s="3">
        <v>2</v>
      </c>
      <c r="H112" s="2" t="s">
        <v>57</v>
      </c>
      <c r="I112" s="3">
        <v>2017</v>
      </c>
      <c r="J112" s="2" t="s">
        <v>32</v>
      </c>
      <c r="K112" s="2"/>
      <c r="L112" s="2" t="s">
        <v>436</v>
      </c>
    </row>
    <row r="113" spans="1:12" ht="15.2" customHeight="1">
      <c r="A113" s="2" t="s">
        <v>340</v>
      </c>
      <c r="B113" s="2" t="s">
        <v>140</v>
      </c>
      <c r="C113" s="2"/>
      <c r="D113" s="2" t="s">
        <v>54</v>
      </c>
      <c r="E113" s="2" t="s">
        <v>55</v>
      </c>
      <c r="F113" s="2" t="s">
        <v>56</v>
      </c>
      <c r="G113" s="3">
        <v>3</v>
      </c>
      <c r="H113" s="2" t="s">
        <v>57</v>
      </c>
      <c r="I113" s="3">
        <v>2019</v>
      </c>
      <c r="J113" s="2" t="s">
        <v>58</v>
      </c>
      <c r="K113" s="2"/>
      <c r="L113" s="2" t="s">
        <v>59</v>
      </c>
    </row>
    <row r="114" spans="1:12" ht="15.2" customHeight="1">
      <c r="A114" s="2" t="s">
        <v>340</v>
      </c>
      <c r="B114" s="2" t="s">
        <v>145</v>
      </c>
      <c r="C114" s="2"/>
      <c r="D114" s="2" t="s">
        <v>61</v>
      </c>
      <c r="E114" s="2" t="s">
        <v>55</v>
      </c>
      <c r="F114" s="2" t="s">
        <v>62</v>
      </c>
      <c r="G114" s="3">
        <v>4</v>
      </c>
      <c r="H114" s="2" t="s">
        <v>57</v>
      </c>
      <c r="I114" s="3">
        <v>2019</v>
      </c>
      <c r="J114" s="2" t="s">
        <v>58</v>
      </c>
      <c r="K114" s="2"/>
      <c r="L114" s="2" t="s">
        <v>63</v>
      </c>
    </row>
    <row r="115" spans="1:12" ht="15.2" customHeight="1">
      <c r="A115" s="2" t="s">
        <v>340</v>
      </c>
      <c r="B115" s="2" t="s">
        <v>150</v>
      </c>
      <c r="C115" s="2" t="s">
        <v>65</v>
      </c>
      <c r="D115" s="2" t="s">
        <v>66</v>
      </c>
      <c r="E115" s="2" t="s">
        <v>67</v>
      </c>
      <c r="F115" s="2" t="s">
        <v>68</v>
      </c>
      <c r="G115" s="3">
        <v>3</v>
      </c>
      <c r="H115" s="2" t="s">
        <v>166</v>
      </c>
      <c r="I115" s="3">
        <v>2018</v>
      </c>
      <c r="J115" s="2" t="s">
        <v>32</v>
      </c>
      <c r="K115" s="2"/>
      <c r="L115" s="2" t="s">
        <v>70</v>
      </c>
    </row>
    <row r="116" spans="1:12" ht="15.2" customHeight="1">
      <c r="A116" s="2" t="s">
        <v>340</v>
      </c>
      <c r="B116" s="2" t="s">
        <v>155</v>
      </c>
      <c r="C116" s="2" t="s">
        <v>72</v>
      </c>
      <c r="D116" s="2" t="s">
        <v>73</v>
      </c>
      <c r="E116" s="2" t="s">
        <v>67</v>
      </c>
      <c r="F116" s="2" t="s">
        <v>74</v>
      </c>
      <c r="G116" s="3">
        <v>4</v>
      </c>
      <c r="H116" s="2" t="s">
        <v>166</v>
      </c>
      <c r="I116" s="3">
        <v>2018</v>
      </c>
      <c r="J116" s="2" t="s">
        <v>32</v>
      </c>
      <c r="K116" s="2"/>
      <c r="L116" s="2" t="s">
        <v>75</v>
      </c>
    </row>
    <row r="117" spans="1:12" ht="15.2" customHeight="1">
      <c r="A117" s="2" t="s">
        <v>340</v>
      </c>
      <c r="B117" s="2" t="s">
        <v>160</v>
      </c>
      <c r="C117" s="2" t="s">
        <v>348</v>
      </c>
      <c r="D117" s="2" t="s">
        <v>349</v>
      </c>
      <c r="E117" s="2" t="s">
        <v>254</v>
      </c>
      <c r="F117" s="2" t="s">
        <v>350</v>
      </c>
      <c r="G117" s="3">
        <v>19</v>
      </c>
      <c r="H117" s="2" t="s">
        <v>31</v>
      </c>
      <c r="I117" s="3">
        <v>2018</v>
      </c>
      <c r="J117" s="2" t="s">
        <v>32</v>
      </c>
      <c r="K117" s="2"/>
      <c r="L117" s="2" t="s">
        <v>260</v>
      </c>
    </row>
    <row r="118" spans="1:12" ht="15.2" customHeight="1">
      <c r="A118" s="2" t="s">
        <v>340</v>
      </c>
      <c r="B118" s="2" t="s">
        <v>161</v>
      </c>
      <c r="C118" s="2" t="s">
        <v>352</v>
      </c>
      <c r="D118" s="2" t="s">
        <v>353</v>
      </c>
      <c r="E118" s="2" t="s">
        <v>254</v>
      </c>
      <c r="F118" s="2" t="s">
        <v>354</v>
      </c>
      <c r="G118" s="3">
        <v>20</v>
      </c>
      <c r="H118" s="2" t="s">
        <v>31</v>
      </c>
      <c r="I118" s="3">
        <v>2018</v>
      </c>
      <c r="J118" s="2" t="s">
        <v>32</v>
      </c>
      <c r="K118" s="2"/>
      <c r="L118" s="2" t="s">
        <v>260</v>
      </c>
    </row>
    <row r="119" spans="1:12" ht="15.2" customHeight="1">
      <c r="A119" s="2" t="s">
        <v>340</v>
      </c>
      <c r="B119" s="2" t="s">
        <v>162</v>
      </c>
      <c r="C119" s="2" t="s">
        <v>365</v>
      </c>
      <c r="D119" s="2" t="s">
        <v>366</v>
      </c>
      <c r="E119" s="2" t="s">
        <v>273</v>
      </c>
      <c r="F119" s="2" t="s">
        <v>367</v>
      </c>
      <c r="G119" s="3">
        <v>9</v>
      </c>
      <c r="H119" s="2" t="s">
        <v>368</v>
      </c>
      <c r="I119" s="3">
        <v>2009</v>
      </c>
      <c r="J119" s="2" t="s">
        <v>20</v>
      </c>
      <c r="K119" s="2"/>
      <c r="L119" s="2" t="s">
        <v>369</v>
      </c>
    </row>
    <row r="120" spans="1:12" ht="15.2" customHeight="1">
      <c r="A120" s="2" t="s">
        <v>340</v>
      </c>
      <c r="B120" s="2" t="s">
        <v>168</v>
      </c>
      <c r="C120" s="2" t="s">
        <v>371</v>
      </c>
      <c r="D120" s="2" t="s">
        <v>372</v>
      </c>
      <c r="E120" s="2" t="s">
        <v>273</v>
      </c>
      <c r="F120" s="2" t="s">
        <v>373</v>
      </c>
      <c r="G120" s="3">
        <v>4</v>
      </c>
      <c r="H120" s="2" t="s">
        <v>368</v>
      </c>
      <c r="I120" s="3">
        <v>2009</v>
      </c>
      <c r="J120" s="2" t="s">
        <v>20</v>
      </c>
      <c r="K120" s="2"/>
      <c r="L120" s="2" t="s">
        <v>374</v>
      </c>
    </row>
    <row r="121" spans="1:12" ht="15.2" customHeight="1">
      <c r="A121" s="2" t="s">
        <v>340</v>
      </c>
      <c r="B121" s="2" t="s">
        <v>174</v>
      </c>
      <c r="C121" s="2" t="s">
        <v>376</v>
      </c>
      <c r="D121" s="2" t="s">
        <v>377</v>
      </c>
      <c r="E121" s="2" t="s">
        <v>282</v>
      </c>
      <c r="F121" s="2" t="s">
        <v>378</v>
      </c>
      <c r="G121" s="3">
        <v>1</v>
      </c>
      <c r="H121" s="2" t="s">
        <v>57</v>
      </c>
      <c r="I121" s="3">
        <v>2016</v>
      </c>
      <c r="J121" s="2" t="s">
        <v>32</v>
      </c>
      <c r="K121" s="2"/>
      <c r="L121" s="2" t="s">
        <v>379</v>
      </c>
    </row>
    <row r="122" spans="1:12" ht="15.2" customHeight="1">
      <c r="A122" s="2" t="s">
        <v>437</v>
      </c>
      <c r="B122" s="2" t="s">
        <v>14</v>
      </c>
      <c r="C122" s="2" t="s">
        <v>438</v>
      </c>
      <c r="D122" s="2" t="s">
        <v>439</v>
      </c>
      <c r="E122" s="2" t="s">
        <v>343</v>
      </c>
      <c r="F122" s="2" t="s">
        <v>440</v>
      </c>
      <c r="G122" s="3">
        <v>2</v>
      </c>
      <c r="H122" s="2" t="s">
        <v>345</v>
      </c>
      <c r="I122" s="3">
        <v>2013</v>
      </c>
      <c r="J122" s="2" t="s">
        <v>20</v>
      </c>
      <c r="K122" s="2"/>
      <c r="L122" s="2" t="s">
        <v>441</v>
      </c>
    </row>
    <row r="123" spans="1:12" ht="15.2" customHeight="1">
      <c r="A123" s="2" t="s">
        <v>437</v>
      </c>
      <c r="B123" s="2" t="s">
        <v>347</v>
      </c>
      <c r="C123" s="2" t="s">
        <v>442</v>
      </c>
      <c r="D123" s="2" t="s">
        <v>443</v>
      </c>
      <c r="E123" s="2" t="s">
        <v>444</v>
      </c>
      <c r="F123" s="2" t="s">
        <v>445</v>
      </c>
      <c r="G123" s="3">
        <v>10</v>
      </c>
      <c r="H123" s="2" t="s">
        <v>345</v>
      </c>
      <c r="I123" s="3">
        <v>2012</v>
      </c>
      <c r="J123" s="2" t="s">
        <v>20</v>
      </c>
      <c r="K123" s="2"/>
      <c r="L123" s="2" t="s">
        <v>446</v>
      </c>
    </row>
    <row r="124" spans="1:12" ht="15.2" customHeight="1">
      <c r="A124" s="2" t="s">
        <v>437</v>
      </c>
      <c r="B124" s="2" t="s">
        <v>351</v>
      </c>
      <c r="C124" s="2" t="s">
        <v>447</v>
      </c>
      <c r="D124" s="2" t="s">
        <v>448</v>
      </c>
      <c r="E124" s="2" t="s">
        <v>444</v>
      </c>
      <c r="F124" s="2" t="s">
        <v>449</v>
      </c>
      <c r="G124" s="3">
        <v>3</v>
      </c>
      <c r="H124" s="2" t="s">
        <v>345</v>
      </c>
      <c r="I124" s="3">
        <v>2012</v>
      </c>
      <c r="J124" s="2" t="s">
        <v>20</v>
      </c>
      <c r="K124" s="2"/>
      <c r="L124" s="2" t="s">
        <v>450</v>
      </c>
    </row>
    <row r="125" spans="1:12" ht="15.2" customHeight="1">
      <c r="A125" s="2" t="s">
        <v>437</v>
      </c>
      <c r="B125" s="2" t="s">
        <v>355</v>
      </c>
      <c r="C125" s="2" t="s">
        <v>451</v>
      </c>
      <c r="D125" s="2" t="s">
        <v>452</v>
      </c>
      <c r="E125" s="2" t="s">
        <v>79</v>
      </c>
      <c r="F125" s="2" t="s">
        <v>453</v>
      </c>
      <c r="G125" s="3">
        <v>2</v>
      </c>
      <c r="H125" s="2" t="s">
        <v>57</v>
      </c>
      <c r="I125" s="3">
        <v>2008</v>
      </c>
      <c r="J125" s="2" t="s">
        <v>96</v>
      </c>
      <c r="K125" s="2"/>
      <c r="L125" s="2" t="s">
        <v>454</v>
      </c>
    </row>
    <row r="126" spans="1:12" ht="15.2" customHeight="1">
      <c r="A126" s="2" t="s">
        <v>437</v>
      </c>
      <c r="B126" s="2" t="s">
        <v>42</v>
      </c>
      <c r="C126" s="2" t="s">
        <v>455</v>
      </c>
      <c r="D126" s="2" t="s">
        <v>456</v>
      </c>
      <c r="E126" s="2" t="s">
        <v>268</v>
      </c>
      <c r="F126" s="2" t="s">
        <v>457</v>
      </c>
      <c r="G126" s="3">
        <v>12</v>
      </c>
      <c r="H126" s="2" t="s">
        <v>57</v>
      </c>
      <c r="I126" s="3">
        <v>2006</v>
      </c>
      <c r="J126" s="2" t="s">
        <v>32</v>
      </c>
      <c r="K126" s="2"/>
      <c r="L126" s="2" t="s">
        <v>458</v>
      </c>
    </row>
    <row r="127" spans="1:12" ht="15.2" customHeight="1">
      <c r="A127" s="2" t="s">
        <v>437</v>
      </c>
      <c r="B127" s="2" t="s">
        <v>364</v>
      </c>
      <c r="C127" s="2" t="s">
        <v>459</v>
      </c>
      <c r="D127" s="2" t="s">
        <v>460</v>
      </c>
      <c r="E127" s="2" t="s">
        <v>273</v>
      </c>
      <c r="F127" s="2" t="s">
        <v>461</v>
      </c>
      <c r="G127" s="3">
        <v>10</v>
      </c>
      <c r="H127" s="2" t="s">
        <v>368</v>
      </c>
      <c r="I127" s="3">
        <v>2009</v>
      </c>
      <c r="J127" s="2" t="s">
        <v>20</v>
      </c>
      <c r="K127" s="2"/>
      <c r="L127" s="2" t="s">
        <v>462</v>
      </c>
    </row>
    <row r="128" spans="1:12" ht="15.2" customHeight="1">
      <c r="A128" s="2" t="s">
        <v>437</v>
      </c>
      <c r="B128" s="2" t="s">
        <v>370</v>
      </c>
      <c r="C128" s="2" t="s">
        <v>463</v>
      </c>
      <c r="D128" s="2" t="s">
        <v>464</v>
      </c>
      <c r="E128" s="2" t="s">
        <v>273</v>
      </c>
      <c r="F128" s="2" t="s">
        <v>465</v>
      </c>
      <c r="G128" s="3">
        <v>5</v>
      </c>
      <c r="H128" s="2" t="s">
        <v>368</v>
      </c>
      <c r="I128" s="3">
        <v>2009</v>
      </c>
      <c r="J128" s="2" t="s">
        <v>20</v>
      </c>
      <c r="K128" s="2"/>
      <c r="L128" s="2" t="s">
        <v>466</v>
      </c>
    </row>
    <row r="129" spans="1:12" ht="15.2" customHeight="1">
      <c r="A129" s="2" t="s">
        <v>437</v>
      </c>
      <c r="B129" s="2" t="s">
        <v>375</v>
      </c>
      <c r="C129" s="2" t="s">
        <v>467</v>
      </c>
      <c r="D129" s="2" t="s">
        <v>468</v>
      </c>
      <c r="E129" s="2" t="s">
        <v>282</v>
      </c>
      <c r="F129" s="2" t="s">
        <v>469</v>
      </c>
      <c r="G129" s="3">
        <v>2</v>
      </c>
      <c r="H129" s="2" t="s">
        <v>57</v>
      </c>
      <c r="I129" s="3">
        <v>2016</v>
      </c>
      <c r="J129" s="2" t="s">
        <v>32</v>
      </c>
      <c r="K129" s="2"/>
      <c r="L129" s="2" t="s">
        <v>470</v>
      </c>
    </row>
    <row r="130" spans="1:12" ht="15.2" customHeight="1">
      <c r="A130" s="2" t="s">
        <v>437</v>
      </c>
      <c r="B130" s="2" t="s">
        <v>380</v>
      </c>
      <c r="C130" s="2" t="s">
        <v>471</v>
      </c>
      <c r="D130" s="2"/>
      <c r="E130" s="2" t="s">
        <v>287</v>
      </c>
      <c r="F130" s="2" t="s">
        <v>472</v>
      </c>
      <c r="G130" s="3">
        <v>4</v>
      </c>
      <c r="H130" s="2" t="s">
        <v>166</v>
      </c>
      <c r="I130" s="3">
        <v>2019</v>
      </c>
      <c r="J130" s="2" t="s">
        <v>20</v>
      </c>
      <c r="K130" s="2"/>
      <c r="L130" s="2" t="s">
        <v>473</v>
      </c>
    </row>
    <row r="131" spans="1:12" ht="15.2" customHeight="1">
      <c r="A131" s="2" t="s">
        <v>437</v>
      </c>
      <c r="B131" s="2" t="s">
        <v>385</v>
      </c>
      <c r="C131" s="2" t="s">
        <v>474</v>
      </c>
      <c r="D131" s="2" t="s">
        <v>475</v>
      </c>
      <c r="E131" s="2" t="s">
        <v>476</v>
      </c>
      <c r="F131" s="2" t="s">
        <v>477</v>
      </c>
      <c r="G131" s="3">
        <v>1</v>
      </c>
      <c r="H131" s="2" t="s">
        <v>368</v>
      </c>
      <c r="I131" s="3">
        <v>2011</v>
      </c>
      <c r="J131" s="2" t="s">
        <v>20</v>
      </c>
      <c r="K131" s="2"/>
      <c r="L131" s="2" t="s">
        <v>478</v>
      </c>
    </row>
    <row r="132" spans="1:12" ht="15.2" customHeight="1">
      <c r="A132" s="2" t="s">
        <v>437</v>
      </c>
      <c r="B132" s="2" t="s">
        <v>391</v>
      </c>
      <c r="C132" s="2" t="s">
        <v>479</v>
      </c>
      <c r="D132" s="2" t="s">
        <v>480</v>
      </c>
      <c r="E132" s="2" t="s">
        <v>476</v>
      </c>
      <c r="F132" s="2" t="s">
        <v>481</v>
      </c>
      <c r="G132" s="3">
        <v>2</v>
      </c>
      <c r="H132" s="2" t="s">
        <v>368</v>
      </c>
      <c r="I132" s="3">
        <v>2011</v>
      </c>
      <c r="J132" s="2" t="s">
        <v>20</v>
      </c>
      <c r="K132" s="2"/>
      <c r="L132" s="2" t="s">
        <v>482</v>
      </c>
    </row>
    <row r="133" spans="1:12" ht="15.2" customHeight="1">
      <c r="A133" s="2" t="s">
        <v>437</v>
      </c>
      <c r="B133" s="2" t="s">
        <v>396</v>
      </c>
      <c r="C133" s="2" t="s">
        <v>483</v>
      </c>
      <c r="D133" s="2" t="s">
        <v>484</v>
      </c>
      <c r="E133" s="2" t="s">
        <v>476</v>
      </c>
      <c r="F133" s="2" t="s">
        <v>485</v>
      </c>
      <c r="G133" s="3">
        <v>3</v>
      </c>
      <c r="H133" s="2" t="s">
        <v>368</v>
      </c>
      <c r="I133" s="3">
        <v>2011</v>
      </c>
      <c r="J133" s="2" t="s">
        <v>20</v>
      </c>
      <c r="K133" s="2"/>
      <c r="L133" s="2" t="s">
        <v>486</v>
      </c>
    </row>
    <row r="134" spans="1:12" ht="15.2" customHeight="1">
      <c r="A134" s="2" t="s">
        <v>437</v>
      </c>
      <c r="B134" s="2" t="s">
        <v>87</v>
      </c>
      <c r="C134" s="2" t="s">
        <v>487</v>
      </c>
      <c r="D134" s="2" t="s">
        <v>488</v>
      </c>
      <c r="E134" s="2" t="s">
        <v>476</v>
      </c>
      <c r="F134" s="2" t="s">
        <v>489</v>
      </c>
      <c r="G134" s="3">
        <v>4</v>
      </c>
      <c r="H134" s="2" t="s">
        <v>368</v>
      </c>
      <c r="I134" s="3">
        <v>2011</v>
      </c>
      <c r="J134" s="2" t="s">
        <v>20</v>
      </c>
      <c r="K134" s="2"/>
      <c r="L134" s="2" t="s">
        <v>490</v>
      </c>
    </row>
    <row r="135" spans="1:12" ht="15.2" customHeight="1">
      <c r="A135" s="2" t="s">
        <v>437</v>
      </c>
      <c r="B135" s="2" t="s">
        <v>92</v>
      </c>
      <c r="C135" s="2" t="s">
        <v>491</v>
      </c>
      <c r="D135" s="2" t="s">
        <v>492</v>
      </c>
      <c r="E135" s="2" t="s">
        <v>476</v>
      </c>
      <c r="F135" s="2" t="s">
        <v>493</v>
      </c>
      <c r="G135" s="3">
        <v>5</v>
      </c>
      <c r="H135" s="2" t="s">
        <v>368</v>
      </c>
      <c r="I135" s="3">
        <v>2011</v>
      </c>
      <c r="J135" s="2" t="s">
        <v>20</v>
      </c>
      <c r="K135" s="2"/>
      <c r="L135" s="2" t="s">
        <v>494</v>
      </c>
    </row>
    <row r="136" spans="1:12" ht="15.2" customHeight="1">
      <c r="A136" s="2" t="s">
        <v>437</v>
      </c>
      <c r="B136" s="2" t="s">
        <v>98</v>
      </c>
      <c r="C136" s="2" t="s">
        <v>495</v>
      </c>
      <c r="D136" s="2" t="s">
        <v>496</v>
      </c>
      <c r="E136" s="2" t="s">
        <v>313</v>
      </c>
      <c r="F136" s="2" t="s">
        <v>497</v>
      </c>
      <c r="G136" s="3">
        <v>9</v>
      </c>
      <c r="H136" s="2" t="s">
        <v>166</v>
      </c>
      <c r="I136" s="3">
        <v>2018</v>
      </c>
      <c r="J136" s="2" t="s">
        <v>20</v>
      </c>
      <c r="K136" s="2"/>
      <c r="L136" s="2" t="s">
        <v>498</v>
      </c>
    </row>
    <row r="137" spans="1:12" ht="15.2" customHeight="1">
      <c r="A137" s="2" t="s">
        <v>437</v>
      </c>
      <c r="B137" s="2" t="s">
        <v>104</v>
      </c>
      <c r="C137" s="2" t="s">
        <v>499</v>
      </c>
      <c r="D137" s="2" t="s">
        <v>500</v>
      </c>
      <c r="E137" s="2" t="s">
        <v>313</v>
      </c>
      <c r="F137" s="2" t="s">
        <v>501</v>
      </c>
      <c r="G137" s="3">
        <v>10</v>
      </c>
      <c r="H137" s="2" t="s">
        <v>166</v>
      </c>
      <c r="I137" s="3">
        <v>2018</v>
      </c>
      <c r="J137" s="2" t="s">
        <v>20</v>
      </c>
      <c r="K137" s="2"/>
      <c r="L137" s="2" t="s">
        <v>502</v>
      </c>
    </row>
    <row r="138" spans="1:12" ht="15.2" customHeight="1">
      <c r="A138" s="2" t="s">
        <v>437</v>
      </c>
      <c r="B138" s="2" t="s">
        <v>109</v>
      </c>
      <c r="C138" s="2" t="s">
        <v>503</v>
      </c>
      <c r="D138" s="2" t="s">
        <v>504</v>
      </c>
      <c r="E138" s="2" t="s">
        <v>323</v>
      </c>
      <c r="F138" s="2" t="s">
        <v>505</v>
      </c>
      <c r="G138" s="3">
        <v>5</v>
      </c>
      <c r="H138" s="2" t="s">
        <v>166</v>
      </c>
      <c r="I138" s="3">
        <v>2019</v>
      </c>
      <c r="J138" s="2" t="s">
        <v>20</v>
      </c>
      <c r="K138" s="2"/>
      <c r="L138" s="2" t="s">
        <v>506</v>
      </c>
    </row>
    <row r="139" spans="1:12" ht="15.2" customHeight="1">
      <c r="A139" s="2" t="s">
        <v>437</v>
      </c>
      <c r="B139" s="2" t="s">
        <v>114</v>
      </c>
      <c r="C139" s="2" t="s">
        <v>507</v>
      </c>
      <c r="D139" s="2" t="s">
        <v>508</v>
      </c>
      <c r="E139" s="2" t="s">
        <v>101</v>
      </c>
      <c r="F139" s="2" t="s">
        <v>509</v>
      </c>
      <c r="G139" s="3">
        <v>8</v>
      </c>
      <c r="H139" s="2" t="s">
        <v>166</v>
      </c>
      <c r="I139" s="3">
        <v>2019</v>
      </c>
      <c r="J139" s="2" t="s">
        <v>20</v>
      </c>
      <c r="K139" s="2"/>
      <c r="L139" s="2" t="s">
        <v>510</v>
      </c>
    </row>
    <row r="140" spans="1:12" ht="15.2" customHeight="1">
      <c r="A140" s="2" t="s">
        <v>437</v>
      </c>
      <c r="B140" s="2" t="s">
        <v>119</v>
      </c>
      <c r="C140" s="2" t="s">
        <v>511</v>
      </c>
      <c r="D140" s="2" t="s">
        <v>512</v>
      </c>
      <c r="E140" s="2" t="s">
        <v>79</v>
      </c>
      <c r="F140" s="2" t="s">
        <v>513</v>
      </c>
      <c r="G140" s="3">
        <v>10</v>
      </c>
      <c r="H140" s="2" t="s">
        <v>57</v>
      </c>
      <c r="I140" s="3">
        <v>2018</v>
      </c>
      <c r="J140" s="2" t="s">
        <v>20</v>
      </c>
      <c r="K140" s="2"/>
      <c r="L140" s="2" t="s">
        <v>514</v>
      </c>
    </row>
    <row r="141" spans="1:12" ht="15.2" customHeight="1">
      <c r="A141" s="2" t="s">
        <v>437</v>
      </c>
      <c r="B141" s="2" t="s">
        <v>124</v>
      </c>
      <c r="C141" s="2" t="s">
        <v>515</v>
      </c>
      <c r="D141" s="2" t="s">
        <v>516</v>
      </c>
      <c r="E141" s="2" t="s">
        <v>79</v>
      </c>
      <c r="F141" s="2" t="s">
        <v>517</v>
      </c>
      <c r="G141" s="3">
        <v>1</v>
      </c>
      <c r="H141" s="2" t="s">
        <v>57</v>
      </c>
      <c r="I141" s="3">
        <v>2017</v>
      </c>
      <c r="J141" s="2" t="s">
        <v>96</v>
      </c>
      <c r="K141" s="2"/>
      <c r="L141" s="2" t="s">
        <v>518</v>
      </c>
    </row>
    <row r="142" spans="1:12" ht="15.2" customHeight="1">
      <c r="A142" s="2" t="s">
        <v>437</v>
      </c>
      <c r="B142" s="2" t="s">
        <v>129</v>
      </c>
      <c r="C142" s="2" t="s">
        <v>519</v>
      </c>
      <c r="D142" s="2" t="s">
        <v>520</v>
      </c>
      <c r="E142" s="2" t="s">
        <v>79</v>
      </c>
      <c r="F142" s="2" t="s">
        <v>521</v>
      </c>
      <c r="G142" s="3">
        <v>2</v>
      </c>
      <c r="H142" s="2" t="s">
        <v>57</v>
      </c>
      <c r="I142" s="3">
        <v>2017</v>
      </c>
      <c r="J142" s="2" t="s">
        <v>96</v>
      </c>
      <c r="K142" s="2"/>
      <c r="L142" s="2" t="s">
        <v>522</v>
      </c>
    </row>
    <row r="143" spans="1:12" ht="15.2" customHeight="1">
      <c r="A143" s="2" t="s">
        <v>437</v>
      </c>
      <c r="B143" s="2" t="s">
        <v>134</v>
      </c>
      <c r="C143" s="2" t="s">
        <v>523</v>
      </c>
      <c r="D143" s="2" t="s">
        <v>524</v>
      </c>
      <c r="E143" s="2" t="s">
        <v>79</v>
      </c>
      <c r="F143" s="2" t="s">
        <v>525</v>
      </c>
      <c r="G143" s="3">
        <v>6</v>
      </c>
      <c r="H143" s="2" t="s">
        <v>166</v>
      </c>
      <c r="I143" s="3">
        <v>2019</v>
      </c>
      <c r="J143" s="2" t="s">
        <v>96</v>
      </c>
      <c r="K143" s="2"/>
      <c r="L143" s="2" t="s">
        <v>526</v>
      </c>
    </row>
    <row r="144" spans="1:12" ht="15.2" customHeight="1">
      <c r="A144" s="2" t="s">
        <v>437</v>
      </c>
      <c r="B144" s="2" t="s">
        <v>140</v>
      </c>
      <c r="C144" s="2" t="s">
        <v>77</v>
      </c>
      <c r="D144" s="2" t="s">
        <v>78</v>
      </c>
      <c r="E144" s="2" t="s">
        <v>79</v>
      </c>
      <c r="F144" s="2" t="s">
        <v>80</v>
      </c>
      <c r="G144" s="3">
        <v>7</v>
      </c>
      <c r="H144" s="2" t="s">
        <v>57</v>
      </c>
      <c r="I144" s="3">
        <v>2018</v>
      </c>
      <c r="J144" s="2" t="s">
        <v>20</v>
      </c>
      <c r="K144" s="2"/>
      <c r="L144" s="2" t="s">
        <v>81</v>
      </c>
    </row>
    <row r="145" spans="1:12" ht="15.2" customHeight="1">
      <c r="A145" s="2" t="s">
        <v>437</v>
      </c>
      <c r="B145" s="2" t="s">
        <v>145</v>
      </c>
      <c r="C145" s="2" t="s">
        <v>83</v>
      </c>
      <c r="D145" s="2" t="s">
        <v>84</v>
      </c>
      <c r="E145" s="2" t="s">
        <v>79</v>
      </c>
      <c r="F145" s="2" t="s">
        <v>85</v>
      </c>
      <c r="G145" s="3">
        <v>8</v>
      </c>
      <c r="H145" s="2" t="s">
        <v>57</v>
      </c>
      <c r="I145" s="3">
        <v>2018</v>
      </c>
      <c r="J145" s="2" t="s">
        <v>20</v>
      </c>
      <c r="K145" s="2"/>
      <c r="L145" s="2" t="s">
        <v>86</v>
      </c>
    </row>
    <row r="146" spans="1:12" ht="15.2" customHeight="1">
      <c r="A146" s="2" t="s">
        <v>437</v>
      </c>
      <c r="B146" s="2" t="s">
        <v>150</v>
      </c>
      <c r="C146" s="2" t="s">
        <v>88</v>
      </c>
      <c r="D146" s="2" t="s">
        <v>89</v>
      </c>
      <c r="E146" s="2" t="s">
        <v>79</v>
      </c>
      <c r="F146" s="2" t="s">
        <v>90</v>
      </c>
      <c r="G146" s="3">
        <v>9</v>
      </c>
      <c r="H146" s="2" t="s">
        <v>57</v>
      </c>
      <c r="I146" s="3">
        <v>2018</v>
      </c>
      <c r="J146" s="2" t="s">
        <v>20</v>
      </c>
      <c r="K146" s="2"/>
      <c r="L146" s="2" t="s">
        <v>91</v>
      </c>
    </row>
    <row r="147" spans="1:12" ht="15.2" customHeight="1">
      <c r="A147" s="2" t="s">
        <v>437</v>
      </c>
      <c r="B147" s="2" t="s">
        <v>155</v>
      </c>
      <c r="C147" s="2" t="s">
        <v>93</v>
      </c>
      <c r="D147" s="2" t="s">
        <v>94</v>
      </c>
      <c r="E147" s="2" t="s">
        <v>79</v>
      </c>
      <c r="F147" s="2" t="s">
        <v>95</v>
      </c>
      <c r="G147" s="3">
        <v>5</v>
      </c>
      <c r="H147" s="2" t="s">
        <v>166</v>
      </c>
      <c r="I147" s="3">
        <v>2019</v>
      </c>
      <c r="J147" s="2" t="s">
        <v>96</v>
      </c>
      <c r="K147" s="2"/>
      <c r="L147" s="2" t="s">
        <v>97</v>
      </c>
    </row>
    <row r="148" spans="1:12" ht="15.2" customHeight="1">
      <c r="A148" s="2" t="s">
        <v>437</v>
      </c>
      <c r="B148" s="2" t="s">
        <v>160</v>
      </c>
      <c r="C148" s="2" t="s">
        <v>442</v>
      </c>
      <c r="D148" s="2" t="s">
        <v>443</v>
      </c>
      <c r="E148" s="2" t="s">
        <v>444</v>
      </c>
      <c r="F148" s="2" t="s">
        <v>445</v>
      </c>
      <c r="G148" s="3">
        <v>10</v>
      </c>
      <c r="H148" s="2" t="s">
        <v>345</v>
      </c>
      <c r="I148" s="3">
        <v>2012</v>
      </c>
      <c r="J148" s="2" t="s">
        <v>20</v>
      </c>
      <c r="K148" s="2"/>
      <c r="L148" s="2" t="s">
        <v>446</v>
      </c>
    </row>
    <row r="149" spans="1:12" ht="15.2" customHeight="1">
      <c r="A149" s="2" t="s">
        <v>437</v>
      </c>
      <c r="B149" s="2" t="s">
        <v>161</v>
      </c>
      <c r="C149" s="2" t="s">
        <v>447</v>
      </c>
      <c r="D149" s="2" t="s">
        <v>448</v>
      </c>
      <c r="E149" s="2" t="s">
        <v>444</v>
      </c>
      <c r="F149" s="2" t="s">
        <v>449</v>
      </c>
      <c r="G149" s="3">
        <v>3</v>
      </c>
      <c r="H149" s="2" t="s">
        <v>345</v>
      </c>
      <c r="I149" s="3">
        <v>2012</v>
      </c>
      <c r="J149" s="2" t="s">
        <v>20</v>
      </c>
      <c r="K149" s="2"/>
      <c r="L149" s="2" t="s">
        <v>450</v>
      </c>
    </row>
    <row r="150" spans="1:12" ht="15.2" customHeight="1">
      <c r="A150" s="2" t="s">
        <v>437</v>
      </c>
      <c r="B150" s="2" t="s">
        <v>162</v>
      </c>
      <c r="C150" s="2" t="s">
        <v>459</v>
      </c>
      <c r="D150" s="2" t="s">
        <v>460</v>
      </c>
      <c r="E150" s="2" t="s">
        <v>273</v>
      </c>
      <c r="F150" s="2" t="s">
        <v>461</v>
      </c>
      <c r="G150" s="3">
        <v>10</v>
      </c>
      <c r="H150" s="2" t="s">
        <v>368</v>
      </c>
      <c r="I150" s="3">
        <v>2009</v>
      </c>
      <c r="J150" s="2" t="s">
        <v>20</v>
      </c>
      <c r="K150" s="2"/>
      <c r="L150" s="2" t="s">
        <v>462</v>
      </c>
    </row>
    <row r="151" spans="1:12" ht="15.2" customHeight="1">
      <c r="A151" s="2" t="s">
        <v>437</v>
      </c>
      <c r="B151" s="2" t="s">
        <v>168</v>
      </c>
      <c r="C151" s="2" t="s">
        <v>463</v>
      </c>
      <c r="D151" s="2" t="s">
        <v>464</v>
      </c>
      <c r="E151" s="2" t="s">
        <v>273</v>
      </c>
      <c r="F151" s="2" t="s">
        <v>465</v>
      </c>
      <c r="G151" s="3">
        <v>5</v>
      </c>
      <c r="H151" s="2" t="s">
        <v>368</v>
      </c>
      <c r="I151" s="3">
        <v>2009</v>
      </c>
      <c r="J151" s="2" t="s">
        <v>20</v>
      </c>
      <c r="K151" s="2"/>
      <c r="L151" s="2" t="s">
        <v>466</v>
      </c>
    </row>
    <row r="152" spans="1:12" ht="15.2" customHeight="1">
      <c r="A152" s="2" t="s">
        <v>437</v>
      </c>
      <c r="B152" s="2" t="s">
        <v>174</v>
      </c>
      <c r="C152" s="2" t="s">
        <v>467</v>
      </c>
      <c r="D152" s="2" t="s">
        <v>468</v>
      </c>
      <c r="E152" s="2" t="s">
        <v>282</v>
      </c>
      <c r="F152" s="2" t="s">
        <v>469</v>
      </c>
      <c r="G152" s="3">
        <v>2</v>
      </c>
      <c r="H152" s="2" t="s">
        <v>57</v>
      </c>
      <c r="I152" s="3">
        <v>2016</v>
      </c>
      <c r="J152" s="2" t="s">
        <v>32</v>
      </c>
      <c r="K152" s="2"/>
      <c r="L152" s="2" t="s">
        <v>470</v>
      </c>
    </row>
    <row r="153" spans="1:12" ht="15.2" customHeight="1">
      <c r="A153" s="2" t="s">
        <v>527</v>
      </c>
      <c r="B153" s="2" t="s">
        <v>14</v>
      </c>
      <c r="C153" s="2" t="s">
        <v>528</v>
      </c>
      <c r="D153" s="2" t="s">
        <v>529</v>
      </c>
      <c r="E153" s="2" t="s">
        <v>343</v>
      </c>
      <c r="F153" s="2" t="s">
        <v>530</v>
      </c>
      <c r="G153" s="3">
        <v>1</v>
      </c>
      <c r="H153" s="2" t="s">
        <v>345</v>
      </c>
      <c r="I153" s="3">
        <v>2014</v>
      </c>
      <c r="J153" s="2" t="s">
        <v>20</v>
      </c>
      <c r="K153" s="2"/>
      <c r="L153" s="2" t="s">
        <v>531</v>
      </c>
    </row>
    <row r="154" spans="1:12" ht="15.2" customHeight="1">
      <c r="A154" s="2" t="s">
        <v>527</v>
      </c>
      <c r="B154" s="2" t="s">
        <v>347</v>
      </c>
      <c r="C154" s="2" t="s">
        <v>532</v>
      </c>
      <c r="D154" s="2" t="s">
        <v>533</v>
      </c>
      <c r="E154" s="2" t="s">
        <v>444</v>
      </c>
      <c r="F154" s="2" t="s">
        <v>534</v>
      </c>
      <c r="G154" s="3">
        <v>5</v>
      </c>
      <c r="H154" s="2" t="s">
        <v>345</v>
      </c>
      <c r="I154" s="3">
        <v>2012</v>
      </c>
      <c r="J154" s="2" t="s">
        <v>20</v>
      </c>
      <c r="K154" s="2"/>
      <c r="L154" s="2" t="s">
        <v>535</v>
      </c>
    </row>
    <row r="155" spans="1:12" ht="15.2" customHeight="1">
      <c r="A155" s="2" t="s">
        <v>527</v>
      </c>
      <c r="B155" s="2" t="s">
        <v>351</v>
      </c>
      <c r="C155" s="2" t="s">
        <v>536</v>
      </c>
      <c r="D155" s="2" t="s">
        <v>537</v>
      </c>
      <c r="E155" s="2" t="s">
        <v>444</v>
      </c>
      <c r="F155" s="2" t="s">
        <v>538</v>
      </c>
      <c r="G155" s="3">
        <v>4</v>
      </c>
      <c r="H155" s="2" t="s">
        <v>345</v>
      </c>
      <c r="I155" s="3">
        <v>2012</v>
      </c>
      <c r="J155" s="2" t="s">
        <v>20</v>
      </c>
      <c r="K155" s="2"/>
      <c r="L155" s="2" t="s">
        <v>539</v>
      </c>
    </row>
    <row r="156" spans="1:12" ht="15.2" customHeight="1">
      <c r="A156" s="2" t="s">
        <v>527</v>
      </c>
      <c r="B156" s="2" t="s">
        <v>355</v>
      </c>
      <c r="C156" s="2" t="s">
        <v>540</v>
      </c>
      <c r="D156" s="2" t="s">
        <v>541</v>
      </c>
      <c r="E156" s="2" t="s">
        <v>79</v>
      </c>
      <c r="F156" s="2" t="s">
        <v>542</v>
      </c>
      <c r="G156" s="3">
        <v>3</v>
      </c>
      <c r="H156" s="2" t="s">
        <v>57</v>
      </c>
      <c r="I156" s="3">
        <v>2008</v>
      </c>
      <c r="J156" s="2" t="s">
        <v>96</v>
      </c>
      <c r="K156" s="2"/>
      <c r="L156" s="2" t="s">
        <v>543</v>
      </c>
    </row>
    <row r="157" spans="1:12" ht="15.2" customHeight="1">
      <c r="A157" s="2" t="s">
        <v>527</v>
      </c>
      <c r="B157" s="2" t="s">
        <v>42</v>
      </c>
      <c r="C157" s="2" t="s">
        <v>544</v>
      </c>
      <c r="D157" s="2" t="s">
        <v>545</v>
      </c>
      <c r="E157" s="2" t="s">
        <v>268</v>
      </c>
      <c r="F157" s="2" t="s">
        <v>546</v>
      </c>
      <c r="G157" s="3">
        <v>13</v>
      </c>
      <c r="H157" s="2" t="s">
        <v>57</v>
      </c>
      <c r="I157" s="3">
        <v>2006</v>
      </c>
      <c r="J157" s="2" t="s">
        <v>32</v>
      </c>
      <c r="K157" s="2"/>
      <c r="L157" s="2" t="s">
        <v>547</v>
      </c>
    </row>
    <row r="158" spans="1:12" ht="15.2" customHeight="1">
      <c r="A158" s="2" t="s">
        <v>527</v>
      </c>
      <c r="B158" s="2" t="s">
        <v>364</v>
      </c>
      <c r="C158" s="2" t="s">
        <v>548</v>
      </c>
      <c r="D158" s="2" t="s">
        <v>549</v>
      </c>
      <c r="E158" s="2" t="s">
        <v>273</v>
      </c>
      <c r="F158" s="2" t="s">
        <v>550</v>
      </c>
      <c r="G158" s="3">
        <v>11</v>
      </c>
      <c r="H158" s="2" t="s">
        <v>368</v>
      </c>
      <c r="I158" s="3">
        <v>2009</v>
      </c>
      <c r="J158" s="2" t="s">
        <v>20</v>
      </c>
      <c r="K158" s="2"/>
      <c r="L158" s="2" t="s">
        <v>551</v>
      </c>
    </row>
    <row r="159" spans="1:12" ht="15.2" customHeight="1">
      <c r="A159" s="2" t="s">
        <v>527</v>
      </c>
      <c r="B159" s="2" t="s">
        <v>370</v>
      </c>
      <c r="C159" s="2" t="s">
        <v>552</v>
      </c>
      <c r="D159" s="2" t="s">
        <v>553</v>
      </c>
      <c r="E159" s="2" t="s">
        <v>273</v>
      </c>
      <c r="F159" s="2" t="s">
        <v>554</v>
      </c>
      <c r="G159" s="3">
        <v>6</v>
      </c>
      <c r="H159" s="2" t="s">
        <v>368</v>
      </c>
      <c r="I159" s="3">
        <v>2009</v>
      </c>
      <c r="J159" s="2" t="s">
        <v>20</v>
      </c>
      <c r="K159" s="2"/>
      <c r="L159" s="2" t="s">
        <v>555</v>
      </c>
    </row>
    <row r="160" spans="1:12" ht="15.2" customHeight="1">
      <c r="A160" s="2" t="s">
        <v>527</v>
      </c>
      <c r="B160" s="2" t="s">
        <v>375</v>
      </c>
      <c r="C160" s="2" t="s">
        <v>556</v>
      </c>
      <c r="D160" s="2" t="s">
        <v>557</v>
      </c>
      <c r="E160" s="2" t="s">
        <v>282</v>
      </c>
      <c r="F160" s="2" t="s">
        <v>558</v>
      </c>
      <c r="G160" s="3">
        <v>7</v>
      </c>
      <c r="H160" s="2" t="s">
        <v>57</v>
      </c>
      <c r="I160" s="3">
        <v>2016</v>
      </c>
      <c r="J160" s="2" t="s">
        <v>32</v>
      </c>
      <c r="K160" s="2"/>
      <c r="L160" s="2" t="s">
        <v>559</v>
      </c>
    </row>
    <row r="161" spans="1:12" ht="15.2" customHeight="1">
      <c r="A161" s="2" t="s">
        <v>527</v>
      </c>
      <c r="B161" s="2" t="s">
        <v>380</v>
      </c>
      <c r="C161" s="2" t="s">
        <v>560</v>
      </c>
      <c r="D161" s="2"/>
      <c r="E161" s="2" t="s">
        <v>287</v>
      </c>
      <c r="F161" s="2" t="s">
        <v>561</v>
      </c>
      <c r="G161" s="3">
        <v>6</v>
      </c>
      <c r="H161" s="2" t="s">
        <v>166</v>
      </c>
      <c r="I161" s="3">
        <v>2019</v>
      </c>
      <c r="J161" s="2" t="s">
        <v>20</v>
      </c>
      <c r="K161" s="2"/>
      <c r="L161" s="2" t="s">
        <v>562</v>
      </c>
    </row>
    <row r="162" spans="1:12" ht="15.2" customHeight="1">
      <c r="A162" s="2" t="s">
        <v>527</v>
      </c>
      <c r="B162" s="2" t="s">
        <v>385</v>
      </c>
      <c r="C162" s="2" t="s">
        <v>563</v>
      </c>
      <c r="D162" s="2" t="s">
        <v>564</v>
      </c>
      <c r="E162" s="2" t="s">
        <v>49</v>
      </c>
      <c r="F162" s="2" t="s">
        <v>565</v>
      </c>
      <c r="G162" s="3">
        <v>5</v>
      </c>
      <c r="H162" s="2" t="s">
        <v>57</v>
      </c>
      <c r="I162" s="3">
        <v>2012</v>
      </c>
      <c r="J162" s="2" t="s">
        <v>20</v>
      </c>
      <c r="K162" s="2"/>
      <c r="L162" s="2" t="s">
        <v>566</v>
      </c>
    </row>
    <row r="163" spans="1:12" ht="15.2" customHeight="1">
      <c r="A163" s="2" t="s">
        <v>527</v>
      </c>
      <c r="B163" s="2" t="s">
        <v>391</v>
      </c>
      <c r="C163" s="2" t="s">
        <v>567</v>
      </c>
      <c r="D163" s="2" t="s">
        <v>568</v>
      </c>
      <c r="E163" s="2" t="s">
        <v>49</v>
      </c>
      <c r="F163" s="2" t="s">
        <v>569</v>
      </c>
      <c r="G163" s="3">
        <v>9</v>
      </c>
      <c r="H163" s="2" t="s">
        <v>57</v>
      </c>
      <c r="I163" s="3">
        <v>2012</v>
      </c>
      <c r="J163" s="2" t="s">
        <v>20</v>
      </c>
      <c r="K163" s="2"/>
      <c r="L163" s="2" t="s">
        <v>570</v>
      </c>
    </row>
    <row r="164" spans="1:12" ht="15.2" customHeight="1">
      <c r="A164" s="2" t="s">
        <v>527</v>
      </c>
      <c r="B164" s="2" t="s">
        <v>396</v>
      </c>
      <c r="C164" s="2" t="s">
        <v>571</v>
      </c>
      <c r="D164" s="2" t="s">
        <v>572</v>
      </c>
      <c r="E164" s="2" t="s">
        <v>49</v>
      </c>
      <c r="F164" s="2" t="s">
        <v>573</v>
      </c>
      <c r="G164" s="3">
        <v>10</v>
      </c>
      <c r="H164" s="2" t="s">
        <v>57</v>
      </c>
      <c r="I164" s="3">
        <v>2012</v>
      </c>
      <c r="J164" s="2" t="s">
        <v>20</v>
      </c>
      <c r="K164" s="2"/>
      <c r="L164" s="2" t="s">
        <v>574</v>
      </c>
    </row>
    <row r="165" spans="1:12" ht="15.2" customHeight="1">
      <c r="A165" s="2" t="s">
        <v>527</v>
      </c>
      <c r="B165" s="2" t="s">
        <v>87</v>
      </c>
      <c r="C165" s="2" t="s">
        <v>575</v>
      </c>
      <c r="D165" s="2" t="s">
        <v>576</v>
      </c>
      <c r="E165" s="2" t="s">
        <v>49</v>
      </c>
      <c r="F165" s="2" t="s">
        <v>577</v>
      </c>
      <c r="G165" s="3">
        <v>11</v>
      </c>
      <c r="H165" s="2" t="s">
        <v>57</v>
      </c>
      <c r="I165" s="3">
        <v>2012</v>
      </c>
      <c r="J165" s="2" t="s">
        <v>20</v>
      </c>
      <c r="K165" s="2"/>
      <c r="L165" s="2" t="s">
        <v>578</v>
      </c>
    </row>
    <row r="166" spans="1:12" ht="15.2" customHeight="1">
      <c r="A166" s="2" t="s">
        <v>527</v>
      </c>
      <c r="B166" s="2" t="s">
        <v>92</v>
      </c>
      <c r="C166" s="2" t="s">
        <v>579</v>
      </c>
      <c r="D166" s="2" t="s">
        <v>580</v>
      </c>
      <c r="E166" s="2" t="s">
        <v>49</v>
      </c>
      <c r="F166" s="2" t="s">
        <v>581</v>
      </c>
      <c r="G166" s="3">
        <v>16</v>
      </c>
      <c r="H166" s="2" t="s">
        <v>57</v>
      </c>
      <c r="I166" s="3">
        <v>2012</v>
      </c>
      <c r="J166" s="2" t="s">
        <v>20</v>
      </c>
      <c r="K166" s="2"/>
      <c r="L166" s="2" t="s">
        <v>582</v>
      </c>
    </row>
    <row r="167" spans="1:12" ht="15.2" customHeight="1">
      <c r="A167" s="2" t="s">
        <v>527</v>
      </c>
      <c r="B167" s="2" t="s">
        <v>98</v>
      </c>
      <c r="C167" s="2" t="s">
        <v>583</v>
      </c>
      <c r="D167" s="2" t="s">
        <v>584</v>
      </c>
      <c r="E167" s="2" t="s">
        <v>313</v>
      </c>
      <c r="F167" s="2" t="s">
        <v>585</v>
      </c>
      <c r="G167" s="3">
        <v>11</v>
      </c>
      <c r="H167" s="2" t="s">
        <v>166</v>
      </c>
      <c r="I167" s="3">
        <v>2018</v>
      </c>
      <c r="J167" s="2" t="s">
        <v>20</v>
      </c>
      <c r="K167" s="2"/>
      <c r="L167" s="2" t="s">
        <v>586</v>
      </c>
    </row>
    <row r="168" spans="1:12" ht="15.2" customHeight="1">
      <c r="A168" s="2" t="s">
        <v>527</v>
      </c>
      <c r="B168" s="2" t="s">
        <v>104</v>
      </c>
      <c r="C168" s="2" t="s">
        <v>587</v>
      </c>
      <c r="D168" s="2" t="s">
        <v>588</v>
      </c>
      <c r="E168" s="2" t="s">
        <v>313</v>
      </c>
      <c r="F168" s="2" t="s">
        <v>589</v>
      </c>
      <c r="G168" s="3">
        <v>12</v>
      </c>
      <c r="H168" s="2" t="s">
        <v>166</v>
      </c>
      <c r="I168" s="3">
        <v>2018</v>
      </c>
      <c r="J168" s="2" t="s">
        <v>20</v>
      </c>
      <c r="K168" s="2"/>
      <c r="L168" s="2" t="s">
        <v>590</v>
      </c>
    </row>
    <row r="169" spans="1:12" ht="15.2" customHeight="1">
      <c r="A169" s="2" t="s">
        <v>527</v>
      </c>
      <c r="B169" s="2" t="s">
        <v>109</v>
      </c>
      <c r="C169" s="2" t="s">
        <v>591</v>
      </c>
      <c r="D169" s="2" t="s">
        <v>592</v>
      </c>
      <c r="E169" s="2" t="s">
        <v>323</v>
      </c>
      <c r="F169" s="2" t="s">
        <v>593</v>
      </c>
      <c r="G169" s="3">
        <v>6</v>
      </c>
      <c r="H169" s="2" t="s">
        <v>166</v>
      </c>
      <c r="I169" s="3">
        <v>2019</v>
      </c>
      <c r="J169" s="2" t="s">
        <v>20</v>
      </c>
      <c r="K169" s="2"/>
      <c r="L169" s="2" t="s">
        <v>594</v>
      </c>
    </row>
    <row r="170" spans="1:12" ht="15.2" customHeight="1">
      <c r="A170" s="2" t="s">
        <v>527</v>
      </c>
      <c r="B170" s="2" t="s">
        <v>114</v>
      </c>
      <c r="C170" s="2" t="s">
        <v>595</v>
      </c>
      <c r="D170" s="2" t="s">
        <v>596</v>
      </c>
      <c r="E170" s="2" t="s">
        <v>323</v>
      </c>
      <c r="F170" s="2" t="s">
        <v>597</v>
      </c>
      <c r="G170" s="3">
        <v>1</v>
      </c>
      <c r="H170" s="2" t="s">
        <v>166</v>
      </c>
      <c r="I170" s="3">
        <v>2019</v>
      </c>
      <c r="J170" s="2" t="s">
        <v>20</v>
      </c>
      <c r="K170" s="2"/>
      <c r="L170" s="2" t="s">
        <v>598</v>
      </c>
    </row>
    <row r="171" spans="1:12" ht="15.2" customHeight="1">
      <c r="A171" s="2" t="s">
        <v>527</v>
      </c>
      <c r="B171" s="2" t="s">
        <v>119</v>
      </c>
      <c r="C171" s="2" t="s">
        <v>599</v>
      </c>
      <c r="D171" s="2" t="s">
        <v>600</v>
      </c>
      <c r="E171" s="2" t="s">
        <v>601</v>
      </c>
      <c r="F171" s="2" t="s">
        <v>602</v>
      </c>
      <c r="G171" s="3">
        <v>1</v>
      </c>
      <c r="H171" s="2" t="s">
        <v>166</v>
      </c>
      <c r="I171" s="3">
        <v>2019</v>
      </c>
      <c r="J171" s="2" t="s">
        <v>32</v>
      </c>
      <c r="K171" s="2"/>
      <c r="L171" s="2" t="s">
        <v>603</v>
      </c>
    </row>
    <row r="172" spans="1:12" ht="15.2" customHeight="1">
      <c r="A172" s="2" t="s">
        <v>527</v>
      </c>
      <c r="B172" s="2" t="s">
        <v>124</v>
      </c>
      <c r="C172" s="2" t="s">
        <v>604</v>
      </c>
      <c r="D172" s="2" t="s">
        <v>605</v>
      </c>
      <c r="E172" s="2" t="s">
        <v>601</v>
      </c>
      <c r="F172" s="2" t="s">
        <v>606</v>
      </c>
      <c r="G172" s="3">
        <v>2</v>
      </c>
      <c r="H172" s="2" t="s">
        <v>166</v>
      </c>
      <c r="I172" s="3">
        <v>2019</v>
      </c>
      <c r="J172" s="2" t="s">
        <v>32</v>
      </c>
      <c r="K172" s="2"/>
      <c r="L172" s="2" t="s">
        <v>607</v>
      </c>
    </row>
    <row r="173" spans="1:12" ht="15.2" customHeight="1">
      <c r="A173" s="2" t="s">
        <v>527</v>
      </c>
      <c r="B173" s="2" t="s">
        <v>129</v>
      </c>
      <c r="C173" s="2" t="s">
        <v>608</v>
      </c>
      <c r="D173" s="2" t="s">
        <v>609</v>
      </c>
      <c r="E173" s="2" t="s">
        <v>209</v>
      </c>
      <c r="F173" s="2" t="s">
        <v>610</v>
      </c>
      <c r="G173" s="3">
        <v>8</v>
      </c>
      <c r="H173" s="2" t="s">
        <v>166</v>
      </c>
      <c r="I173" s="3">
        <v>2019</v>
      </c>
      <c r="J173" s="2" t="s">
        <v>32</v>
      </c>
      <c r="K173" s="2"/>
      <c r="L173" s="2" t="s">
        <v>611</v>
      </c>
    </row>
    <row r="174" spans="1:12" ht="15.2" customHeight="1">
      <c r="A174" s="2" t="s">
        <v>527</v>
      </c>
      <c r="B174" s="2" t="s">
        <v>134</v>
      </c>
      <c r="C174" s="2" t="s">
        <v>612</v>
      </c>
      <c r="D174" s="2" t="s">
        <v>613</v>
      </c>
      <c r="E174" s="2" t="s">
        <v>209</v>
      </c>
      <c r="F174" s="2" t="s">
        <v>614</v>
      </c>
      <c r="G174" s="3">
        <v>10</v>
      </c>
      <c r="H174" s="2" t="s">
        <v>166</v>
      </c>
      <c r="I174" s="3">
        <v>2019</v>
      </c>
      <c r="J174" s="2" t="s">
        <v>32</v>
      </c>
      <c r="K174" s="2"/>
      <c r="L174" s="2" t="s">
        <v>615</v>
      </c>
    </row>
    <row r="175" spans="1:12" ht="15.2" customHeight="1">
      <c r="A175" s="2" t="s">
        <v>527</v>
      </c>
      <c r="B175" s="2" t="s">
        <v>140</v>
      </c>
      <c r="C175" s="2"/>
      <c r="D175" s="2" t="s">
        <v>163</v>
      </c>
      <c r="E175" s="2" t="s">
        <v>164</v>
      </c>
      <c r="F175" s="2" t="s">
        <v>165</v>
      </c>
      <c r="G175" s="3">
        <v>1</v>
      </c>
      <c r="H175" s="2" t="s">
        <v>166</v>
      </c>
      <c r="I175" s="3">
        <v>2019</v>
      </c>
      <c r="J175" s="2" t="s">
        <v>20</v>
      </c>
      <c r="K175" s="2"/>
      <c r="L175" s="2" t="s">
        <v>167</v>
      </c>
    </row>
    <row r="176" spans="1:12" ht="15.2" customHeight="1">
      <c r="A176" s="2" t="s">
        <v>527</v>
      </c>
      <c r="B176" s="2" t="s">
        <v>145</v>
      </c>
      <c r="C176" s="2" t="s">
        <v>169</v>
      </c>
      <c r="D176" s="2" t="s">
        <v>170</v>
      </c>
      <c r="E176" s="2" t="s">
        <v>171</v>
      </c>
      <c r="F176" s="2" t="s">
        <v>172</v>
      </c>
      <c r="G176" s="3">
        <v>1</v>
      </c>
      <c r="H176" s="2" t="s">
        <v>57</v>
      </c>
      <c r="I176" s="3">
        <v>2018</v>
      </c>
      <c r="J176" s="2" t="s">
        <v>20</v>
      </c>
      <c r="K176" s="2"/>
      <c r="L176" s="2" t="s">
        <v>173</v>
      </c>
    </row>
    <row r="177" spans="1:12" ht="15.2" customHeight="1">
      <c r="A177" s="2" t="s">
        <v>527</v>
      </c>
      <c r="B177" s="2" t="s">
        <v>150</v>
      </c>
      <c r="C177" s="2" t="s">
        <v>207</v>
      </c>
      <c r="D177" s="2" t="s">
        <v>208</v>
      </c>
      <c r="E177" s="2" t="s">
        <v>209</v>
      </c>
      <c r="F177" s="2" t="s">
        <v>210</v>
      </c>
      <c r="G177" s="3">
        <v>1</v>
      </c>
      <c r="H177" s="2" t="s">
        <v>166</v>
      </c>
      <c r="I177" s="3">
        <v>2019</v>
      </c>
      <c r="J177" s="2" t="s">
        <v>32</v>
      </c>
      <c r="K177" s="2"/>
      <c r="L177" s="2" t="s">
        <v>211</v>
      </c>
    </row>
    <row r="178" spans="1:12" ht="15.2" customHeight="1">
      <c r="A178" s="2" t="s">
        <v>527</v>
      </c>
      <c r="B178" s="2" t="s">
        <v>155</v>
      </c>
      <c r="C178" s="2" t="s">
        <v>212</v>
      </c>
      <c r="D178" s="2" t="s">
        <v>213</v>
      </c>
      <c r="E178" s="2" t="s">
        <v>209</v>
      </c>
      <c r="F178" s="2" t="s">
        <v>214</v>
      </c>
      <c r="G178" s="3">
        <v>9</v>
      </c>
      <c r="H178" s="2" t="s">
        <v>166</v>
      </c>
      <c r="I178" s="3">
        <v>2019</v>
      </c>
      <c r="J178" s="2" t="s">
        <v>32</v>
      </c>
      <c r="K178" s="2"/>
      <c r="L178" s="2" t="s">
        <v>215</v>
      </c>
    </row>
    <row r="179" spans="1:12" ht="15.2" customHeight="1">
      <c r="A179" s="2" t="s">
        <v>527</v>
      </c>
      <c r="B179" s="2" t="s">
        <v>160</v>
      </c>
      <c r="C179" s="2" t="s">
        <v>532</v>
      </c>
      <c r="D179" s="2" t="s">
        <v>533</v>
      </c>
      <c r="E179" s="2" t="s">
        <v>444</v>
      </c>
      <c r="F179" s="2" t="s">
        <v>534</v>
      </c>
      <c r="G179" s="3">
        <v>5</v>
      </c>
      <c r="H179" s="2" t="s">
        <v>345</v>
      </c>
      <c r="I179" s="3">
        <v>2012</v>
      </c>
      <c r="J179" s="2" t="s">
        <v>20</v>
      </c>
      <c r="K179" s="2"/>
      <c r="L179" s="2" t="s">
        <v>535</v>
      </c>
    </row>
    <row r="180" spans="1:12" ht="15.2" customHeight="1">
      <c r="A180" s="2" t="s">
        <v>527</v>
      </c>
      <c r="B180" s="2" t="s">
        <v>161</v>
      </c>
      <c r="C180" s="2" t="s">
        <v>536</v>
      </c>
      <c r="D180" s="2" t="s">
        <v>537</v>
      </c>
      <c r="E180" s="2" t="s">
        <v>444</v>
      </c>
      <c r="F180" s="2" t="s">
        <v>538</v>
      </c>
      <c r="G180" s="3">
        <v>4</v>
      </c>
      <c r="H180" s="2" t="s">
        <v>345</v>
      </c>
      <c r="I180" s="3">
        <v>2012</v>
      </c>
      <c r="J180" s="2" t="s">
        <v>20</v>
      </c>
      <c r="K180" s="2"/>
      <c r="L180" s="2" t="s">
        <v>539</v>
      </c>
    </row>
    <row r="181" spans="1:12" ht="15.2" customHeight="1">
      <c r="A181" s="2" t="s">
        <v>527</v>
      </c>
      <c r="B181" s="2" t="s">
        <v>162</v>
      </c>
      <c r="C181" s="2" t="s">
        <v>548</v>
      </c>
      <c r="D181" s="2" t="s">
        <v>549</v>
      </c>
      <c r="E181" s="2" t="s">
        <v>273</v>
      </c>
      <c r="F181" s="2" t="s">
        <v>550</v>
      </c>
      <c r="G181" s="3">
        <v>11</v>
      </c>
      <c r="H181" s="2" t="s">
        <v>368</v>
      </c>
      <c r="I181" s="3">
        <v>2009</v>
      </c>
      <c r="J181" s="2" t="s">
        <v>20</v>
      </c>
      <c r="K181" s="2"/>
      <c r="L181" s="2" t="s">
        <v>551</v>
      </c>
    </row>
    <row r="182" spans="1:12" ht="15.2" customHeight="1">
      <c r="A182" s="2" t="s">
        <v>527</v>
      </c>
      <c r="B182" s="2" t="s">
        <v>168</v>
      </c>
      <c r="C182" s="2" t="s">
        <v>552</v>
      </c>
      <c r="D182" s="2" t="s">
        <v>553</v>
      </c>
      <c r="E182" s="2" t="s">
        <v>273</v>
      </c>
      <c r="F182" s="2" t="s">
        <v>554</v>
      </c>
      <c r="G182" s="3">
        <v>6</v>
      </c>
      <c r="H182" s="2" t="s">
        <v>368</v>
      </c>
      <c r="I182" s="3">
        <v>2009</v>
      </c>
      <c r="J182" s="2" t="s">
        <v>20</v>
      </c>
      <c r="K182" s="2"/>
      <c r="L182" s="2" t="s">
        <v>555</v>
      </c>
    </row>
    <row r="183" spans="1:12" ht="15.2" customHeight="1">
      <c r="A183" s="2" t="s">
        <v>527</v>
      </c>
      <c r="B183" s="2" t="s">
        <v>174</v>
      </c>
      <c r="C183" s="2" t="s">
        <v>556</v>
      </c>
      <c r="D183" s="2" t="s">
        <v>557</v>
      </c>
      <c r="E183" s="2" t="s">
        <v>282</v>
      </c>
      <c r="F183" s="2" t="s">
        <v>558</v>
      </c>
      <c r="G183" s="3">
        <v>7</v>
      </c>
      <c r="H183" s="2" t="s">
        <v>57</v>
      </c>
      <c r="I183" s="3">
        <v>2016</v>
      </c>
      <c r="J183" s="2" t="s">
        <v>32</v>
      </c>
      <c r="K183" s="2"/>
      <c r="L183" s="2" t="s">
        <v>559</v>
      </c>
    </row>
    <row r="184" spans="1:12" ht="15.2" customHeight="1">
      <c r="A184" s="2" t="s">
        <v>616</v>
      </c>
      <c r="B184" s="2" t="s">
        <v>14</v>
      </c>
      <c r="C184" s="2" t="s">
        <v>617</v>
      </c>
      <c r="D184" s="2" t="s">
        <v>618</v>
      </c>
      <c r="E184" s="2" t="s">
        <v>343</v>
      </c>
      <c r="F184" s="2" t="s">
        <v>619</v>
      </c>
      <c r="G184" s="3">
        <v>2</v>
      </c>
      <c r="H184" s="2" t="s">
        <v>345</v>
      </c>
      <c r="I184" s="3">
        <v>2014</v>
      </c>
      <c r="J184" s="2" t="s">
        <v>20</v>
      </c>
      <c r="K184" s="2"/>
      <c r="L184" s="2" t="s">
        <v>620</v>
      </c>
    </row>
    <row r="185" spans="1:12" ht="15.2" customHeight="1">
      <c r="A185" s="2" t="s">
        <v>616</v>
      </c>
      <c r="B185" s="2" t="s">
        <v>347</v>
      </c>
      <c r="C185" s="2" t="s">
        <v>621</v>
      </c>
      <c r="D185" s="2" t="s">
        <v>622</v>
      </c>
      <c r="E185" s="2" t="s">
        <v>444</v>
      </c>
      <c r="F185" s="2" t="s">
        <v>623</v>
      </c>
      <c r="G185" s="3">
        <v>2</v>
      </c>
      <c r="H185" s="2" t="s">
        <v>345</v>
      </c>
      <c r="I185" s="3">
        <v>2012</v>
      </c>
      <c r="J185" s="2" t="s">
        <v>20</v>
      </c>
      <c r="K185" s="2"/>
      <c r="L185" s="2" t="s">
        <v>624</v>
      </c>
    </row>
    <row r="186" spans="1:12" ht="15.2" customHeight="1">
      <c r="A186" s="2" t="s">
        <v>616</v>
      </c>
      <c r="B186" s="2" t="s">
        <v>351</v>
      </c>
      <c r="C186" s="2" t="s">
        <v>625</v>
      </c>
      <c r="D186" s="2" t="s">
        <v>626</v>
      </c>
      <c r="E186" s="2" t="s">
        <v>444</v>
      </c>
      <c r="F186" s="2" t="s">
        <v>627</v>
      </c>
      <c r="G186" s="3">
        <v>1</v>
      </c>
      <c r="H186" s="2" t="s">
        <v>345</v>
      </c>
      <c r="I186" s="3">
        <v>2012</v>
      </c>
      <c r="J186" s="2" t="s">
        <v>20</v>
      </c>
      <c r="K186" s="2"/>
      <c r="L186" s="2" t="s">
        <v>628</v>
      </c>
    </row>
    <row r="187" spans="1:12" ht="15.2" customHeight="1">
      <c r="A187" s="2" t="s">
        <v>616</v>
      </c>
      <c r="B187" s="2" t="s">
        <v>355</v>
      </c>
      <c r="C187" s="2" t="s">
        <v>629</v>
      </c>
      <c r="D187" s="2" t="s">
        <v>630</v>
      </c>
      <c r="E187" s="2" t="s">
        <v>79</v>
      </c>
      <c r="F187" s="2" t="s">
        <v>631</v>
      </c>
      <c r="G187" s="3">
        <v>4</v>
      </c>
      <c r="H187" s="2" t="s">
        <v>57</v>
      </c>
      <c r="I187" s="3">
        <v>2008</v>
      </c>
      <c r="J187" s="2" t="s">
        <v>96</v>
      </c>
      <c r="K187" s="2"/>
      <c r="L187" s="2" t="s">
        <v>632</v>
      </c>
    </row>
    <row r="188" spans="1:12" ht="15.2" customHeight="1">
      <c r="A188" s="2" t="s">
        <v>616</v>
      </c>
      <c r="B188" s="2" t="s">
        <v>42</v>
      </c>
      <c r="C188" s="2" t="s">
        <v>633</v>
      </c>
      <c r="D188" s="2" t="s">
        <v>634</v>
      </c>
      <c r="E188" s="2" t="s">
        <v>263</v>
      </c>
      <c r="F188" s="2" t="s">
        <v>635</v>
      </c>
      <c r="G188" s="3">
        <v>1</v>
      </c>
      <c r="H188" s="2" t="s">
        <v>57</v>
      </c>
      <c r="I188" s="3">
        <v>2017</v>
      </c>
      <c r="J188" s="2" t="s">
        <v>32</v>
      </c>
      <c r="K188" s="2"/>
      <c r="L188" s="2" t="s">
        <v>636</v>
      </c>
    </row>
    <row r="189" spans="1:12" ht="15.2" customHeight="1">
      <c r="A189" s="2" t="s">
        <v>616</v>
      </c>
      <c r="B189" s="2" t="s">
        <v>364</v>
      </c>
      <c r="C189" s="2" t="s">
        <v>637</v>
      </c>
      <c r="D189" s="2" t="s">
        <v>638</v>
      </c>
      <c r="E189" s="2" t="s">
        <v>273</v>
      </c>
      <c r="F189" s="2" t="s">
        <v>639</v>
      </c>
      <c r="G189" s="3">
        <v>12</v>
      </c>
      <c r="H189" s="2" t="s">
        <v>368</v>
      </c>
      <c r="I189" s="3">
        <v>2009</v>
      </c>
      <c r="J189" s="2" t="s">
        <v>20</v>
      </c>
      <c r="K189" s="2"/>
      <c r="L189" s="2" t="s">
        <v>640</v>
      </c>
    </row>
    <row r="190" spans="1:12" ht="15.2" customHeight="1">
      <c r="A190" s="2" t="s">
        <v>616</v>
      </c>
      <c r="B190" s="2" t="s">
        <v>370</v>
      </c>
      <c r="C190" s="2" t="s">
        <v>641</v>
      </c>
      <c r="D190" s="2" t="s">
        <v>642</v>
      </c>
      <c r="E190" s="2" t="s">
        <v>273</v>
      </c>
      <c r="F190" s="2" t="s">
        <v>643</v>
      </c>
      <c r="G190" s="3">
        <v>7</v>
      </c>
      <c r="H190" s="2" t="s">
        <v>368</v>
      </c>
      <c r="I190" s="3">
        <v>2009</v>
      </c>
      <c r="J190" s="2" t="s">
        <v>20</v>
      </c>
      <c r="K190" s="2"/>
      <c r="L190" s="2" t="s">
        <v>644</v>
      </c>
    </row>
    <row r="191" spans="1:12" ht="15.2" customHeight="1">
      <c r="A191" s="2" t="s">
        <v>616</v>
      </c>
      <c r="B191" s="2" t="s">
        <v>375</v>
      </c>
      <c r="C191" s="2" t="s">
        <v>645</v>
      </c>
      <c r="D191" s="2" t="s">
        <v>646</v>
      </c>
      <c r="E191" s="2" t="s">
        <v>282</v>
      </c>
      <c r="F191" s="2" t="s">
        <v>647</v>
      </c>
      <c r="G191" s="3">
        <v>6</v>
      </c>
      <c r="H191" s="2" t="s">
        <v>57</v>
      </c>
      <c r="I191" s="3">
        <v>2016</v>
      </c>
      <c r="J191" s="2" t="s">
        <v>32</v>
      </c>
      <c r="K191" s="2"/>
      <c r="L191" s="2" t="s">
        <v>648</v>
      </c>
    </row>
    <row r="192" spans="1:12" ht="15.2" customHeight="1">
      <c r="A192" s="2" t="s">
        <v>616</v>
      </c>
      <c r="B192" s="2" t="s">
        <v>380</v>
      </c>
      <c r="C192" s="2" t="s">
        <v>649</v>
      </c>
      <c r="D192" s="2"/>
      <c r="E192" s="2" t="s">
        <v>287</v>
      </c>
      <c r="F192" s="2" t="s">
        <v>650</v>
      </c>
      <c r="G192" s="3">
        <v>5</v>
      </c>
      <c r="H192" s="2" t="s">
        <v>166</v>
      </c>
      <c r="I192" s="3">
        <v>2019</v>
      </c>
      <c r="J192" s="2" t="s">
        <v>20</v>
      </c>
      <c r="K192" s="2"/>
      <c r="L192" s="2" t="s">
        <v>651</v>
      </c>
    </row>
    <row r="193" spans="1:12" ht="15.2" customHeight="1">
      <c r="A193" s="2" t="s">
        <v>616</v>
      </c>
      <c r="B193" s="2" t="s">
        <v>385</v>
      </c>
      <c r="C193" s="2" t="s">
        <v>652</v>
      </c>
      <c r="D193" s="2" t="s">
        <v>653</v>
      </c>
      <c r="E193" s="2" t="s">
        <v>654</v>
      </c>
      <c r="F193" s="2" t="s">
        <v>655</v>
      </c>
      <c r="G193" s="3">
        <v>1</v>
      </c>
      <c r="H193" s="2" t="s">
        <v>656</v>
      </c>
      <c r="I193" s="3">
        <v>2015</v>
      </c>
      <c r="J193" s="2" t="s">
        <v>20</v>
      </c>
      <c r="K193" s="2"/>
      <c r="L193" s="2" t="s">
        <v>657</v>
      </c>
    </row>
    <row r="194" spans="1:12" ht="15.2" customHeight="1">
      <c r="A194" s="2" t="s">
        <v>616</v>
      </c>
      <c r="B194" s="2" t="s">
        <v>396</v>
      </c>
      <c r="C194" s="2" t="s">
        <v>658</v>
      </c>
      <c r="D194" s="2" t="s">
        <v>659</v>
      </c>
      <c r="E194" s="2" t="s">
        <v>660</v>
      </c>
      <c r="F194" s="2" t="s">
        <v>661</v>
      </c>
      <c r="G194" s="3">
        <v>1</v>
      </c>
      <c r="H194" s="2" t="s">
        <v>57</v>
      </c>
      <c r="I194" s="3">
        <v>2018</v>
      </c>
      <c r="J194" s="2" t="s">
        <v>20</v>
      </c>
      <c r="K194" s="2"/>
      <c r="L194" s="2" t="s">
        <v>662</v>
      </c>
    </row>
    <row r="195" spans="1:12" ht="15.2" customHeight="1">
      <c r="A195" s="2" t="s">
        <v>616</v>
      </c>
      <c r="B195" s="2" t="s">
        <v>87</v>
      </c>
      <c r="C195" s="2" t="s">
        <v>663</v>
      </c>
      <c r="D195" s="2" t="s">
        <v>664</v>
      </c>
      <c r="E195" s="2" t="s">
        <v>665</v>
      </c>
      <c r="F195" s="2" t="s">
        <v>666</v>
      </c>
      <c r="G195" s="3">
        <v>1</v>
      </c>
      <c r="H195" s="2" t="s">
        <v>166</v>
      </c>
      <c r="I195" s="3">
        <v>2019</v>
      </c>
      <c r="J195" s="2" t="s">
        <v>32</v>
      </c>
      <c r="K195" s="2"/>
      <c r="L195" s="2" t="s">
        <v>667</v>
      </c>
    </row>
    <row r="196" spans="1:12" ht="15.2" customHeight="1">
      <c r="A196" s="2" t="s">
        <v>616</v>
      </c>
      <c r="B196" s="2" t="s">
        <v>92</v>
      </c>
      <c r="C196" s="2" t="s">
        <v>668</v>
      </c>
      <c r="D196" s="2" t="s">
        <v>669</v>
      </c>
      <c r="E196" s="2" t="s">
        <v>670</v>
      </c>
      <c r="F196" s="2" t="s">
        <v>671</v>
      </c>
      <c r="G196" s="3">
        <v>1</v>
      </c>
      <c r="H196" s="2" t="s">
        <v>57</v>
      </c>
      <c r="I196" s="3">
        <v>2017</v>
      </c>
      <c r="J196" s="2" t="s">
        <v>32</v>
      </c>
      <c r="K196" s="2"/>
      <c r="L196" s="2" t="s">
        <v>672</v>
      </c>
    </row>
    <row r="197" spans="1:12" ht="15.2" customHeight="1">
      <c r="A197" s="2" t="s">
        <v>616</v>
      </c>
      <c r="B197" s="2" t="s">
        <v>98</v>
      </c>
      <c r="C197" s="2" t="s">
        <v>673</v>
      </c>
      <c r="D197" s="2" t="s">
        <v>674</v>
      </c>
      <c r="E197" s="2" t="s">
        <v>313</v>
      </c>
      <c r="F197" s="2" t="s">
        <v>675</v>
      </c>
      <c r="G197" s="3">
        <v>13</v>
      </c>
      <c r="H197" s="2" t="s">
        <v>166</v>
      </c>
      <c r="I197" s="3">
        <v>2018</v>
      </c>
      <c r="J197" s="2" t="s">
        <v>20</v>
      </c>
      <c r="K197" s="2"/>
      <c r="L197" s="2" t="s">
        <v>676</v>
      </c>
    </row>
    <row r="198" spans="1:12" ht="15.2" customHeight="1">
      <c r="A198" s="2" t="s">
        <v>616</v>
      </c>
      <c r="B198" s="2" t="s">
        <v>104</v>
      </c>
      <c r="C198" s="2" t="s">
        <v>677</v>
      </c>
      <c r="D198" s="2" t="s">
        <v>678</v>
      </c>
      <c r="E198" s="2" t="s">
        <v>313</v>
      </c>
      <c r="F198" s="2" t="s">
        <v>679</v>
      </c>
      <c r="G198" s="3">
        <v>14</v>
      </c>
      <c r="H198" s="2" t="s">
        <v>166</v>
      </c>
      <c r="I198" s="3">
        <v>2018</v>
      </c>
      <c r="J198" s="2" t="s">
        <v>20</v>
      </c>
      <c r="K198" s="2"/>
      <c r="L198" s="2" t="s">
        <v>680</v>
      </c>
    </row>
    <row r="199" spans="1:12" ht="15.2" customHeight="1">
      <c r="A199" s="2" t="s">
        <v>616</v>
      </c>
      <c r="B199" s="2" t="s">
        <v>109</v>
      </c>
      <c r="C199" s="2" t="s">
        <v>681</v>
      </c>
      <c r="D199" s="2" t="s">
        <v>682</v>
      </c>
      <c r="E199" s="2" t="s">
        <v>323</v>
      </c>
      <c r="F199" s="2" t="s">
        <v>683</v>
      </c>
      <c r="G199" s="3">
        <v>7</v>
      </c>
      <c r="H199" s="2" t="s">
        <v>166</v>
      </c>
      <c r="I199" s="3">
        <v>2019</v>
      </c>
      <c r="J199" s="2" t="s">
        <v>20</v>
      </c>
      <c r="K199" s="2"/>
      <c r="L199" s="2" t="s">
        <v>684</v>
      </c>
    </row>
    <row r="200" spans="1:12" ht="15.2" customHeight="1">
      <c r="A200" s="2" t="s">
        <v>616</v>
      </c>
      <c r="B200" s="2" t="s">
        <v>114</v>
      </c>
      <c r="C200" s="2" t="s">
        <v>685</v>
      </c>
      <c r="D200" s="2" t="s">
        <v>686</v>
      </c>
      <c r="E200" s="2" t="s">
        <v>323</v>
      </c>
      <c r="F200" s="2" t="s">
        <v>687</v>
      </c>
      <c r="G200" s="3">
        <v>2</v>
      </c>
      <c r="H200" s="2" t="s">
        <v>166</v>
      </c>
      <c r="I200" s="3">
        <v>2019</v>
      </c>
      <c r="J200" s="2" t="s">
        <v>20</v>
      </c>
      <c r="K200" s="2"/>
      <c r="L200" s="2" t="s">
        <v>688</v>
      </c>
    </row>
    <row r="201" spans="1:12" ht="15.2" customHeight="1">
      <c r="A201" s="2" t="s">
        <v>616</v>
      </c>
      <c r="B201" s="2" t="s">
        <v>119</v>
      </c>
      <c r="C201" s="2"/>
      <c r="D201" s="2" t="s">
        <v>689</v>
      </c>
      <c r="E201" s="2" t="s">
        <v>29</v>
      </c>
      <c r="F201" s="2" t="s">
        <v>690</v>
      </c>
      <c r="G201" s="3">
        <v>5</v>
      </c>
      <c r="H201" s="2" t="s">
        <v>31</v>
      </c>
      <c r="I201" s="3">
        <v>2020</v>
      </c>
      <c r="J201" s="2" t="s">
        <v>32</v>
      </c>
      <c r="K201" s="2"/>
      <c r="L201" s="2" t="s">
        <v>691</v>
      </c>
    </row>
    <row r="202" spans="1:12" ht="15.2" customHeight="1">
      <c r="A202" s="2" t="s">
        <v>616</v>
      </c>
      <c r="B202" s="2" t="s">
        <v>692</v>
      </c>
      <c r="C202" s="2"/>
      <c r="D202" s="2" t="s">
        <v>693</v>
      </c>
      <c r="E202" s="2" t="s">
        <v>29</v>
      </c>
      <c r="F202" s="2" t="s">
        <v>694</v>
      </c>
      <c r="G202" s="3">
        <v>12</v>
      </c>
      <c r="H202" s="2" t="s">
        <v>31</v>
      </c>
      <c r="I202" s="3">
        <v>2020</v>
      </c>
      <c r="J202" s="2" t="s">
        <v>32</v>
      </c>
      <c r="K202" s="2"/>
      <c r="L202" s="2" t="s">
        <v>695</v>
      </c>
    </row>
    <row r="203" spans="1:12" ht="15.2" customHeight="1">
      <c r="A203" s="2" t="s">
        <v>616</v>
      </c>
      <c r="B203" s="2" t="s">
        <v>124</v>
      </c>
      <c r="C203" s="2"/>
      <c r="D203" s="2" t="s">
        <v>696</v>
      </c>
      <c r="E203" s="2" t="s">
        <v>29</v>
      </c>
      <c r="F203" s="2" t="s">
        <v>697</v>
      </c>
      <c r="G203" s="3">
        <v>9</v>
      </c>
      <c r="H203" s="2" t="s">
        <v>31</v>
      </c>
      <c r="I203" s="3">
        <v>2020</v>
      </c>
      <c r="J203" s="2" t="s">
        <v>32</v>
      </c>
      <c r="K203" s="2"/>
      <c r="L203" s="2" t="s">
        <v>698</v>
      </c>
    </row>
    <row r="204" spans="1:12" ht="15.2" customHeight="1">
      <c r="A204" s="2" t="s">
        <v>616</v>
      </c>
      <c r="B204" s="2" t="s">
        <v>699</v>
      </c>
      <c r="C204" s="2"/>
      <c r="D204" s="2" t="s">
        <v>700</v>
      </c>
      <c r="E204" s="2" t="s">
        <v>29</v>
      </c>
      <c r="F204" s="2" t="s">
        <v>701</v>
      </c>
      <c r="G204" s="3">
        <v>10</v>
      </c>
      <c r="H204" s="2" t="s">
        <v>31</v>
      </c>
      <c r="I204" s="3">
        <v>2020</v>
      </c>
      <c r="J204" s="2" t="s">
        <v>32</v>
      </c>
      <c r="K204" s="2"/>
      <c r="L204" s="2" t="s">
        <v>702</v>
      </c>
    </row>
    <row r="205" spans="1:12" ht="15.2" customHeight="1">
      <c r="A205" s="2" t="s">
        <v>616</v>
      </c>
      <c r="B205" s="2" t="s">
        <v>129</v>
      </c>
      <c r="C205" s="2" t="s">
        <v>703</v>
      </c>
      <c r="D205" s="2" t="s">
        <v>704</v>
      </c>
      <c r="E205" s="2" t="s">
        <v>49</v>
      </c>
      <c r="F205" s="2" t="s">
        <v>705</v>
      </c>
      <c r="G205" s="3">
        <v>47</v>
      </c>
      <c r="H205" s="2" t="s">
        <v>57</v>
      </c>
      <c r="I205" s="3">
        <v>2012</v>
      </c>
      <c r="J205" s="2" t="s">
        <v>20</v>
      </c>
      <c r="K205" s="2"/>
      <c r="L205" s="2" t="s">
        <v>706</v>
      </c>
    </row>
    <row r="206" spans="1:12" ht="15.2" customHeight="1">
      <c r="A206" s="2" t="s">
        <v>616</v>
      </c>
      <c r="B206" s="2" t="s">
        <v>134</v>
      </c>
      <c r="C206" s="2" t="s">
        <v>707</v>
      </c>
      <c r="D206" s="2" t="s">
        <v>708</v>
      </c>
      <c r="E206" s="2" t="s">
        <v>709</v>
      </c>
      <c r="F206" s="2" t="s">
        <v>710</v>
      </c>
      <c r="G206" s="3">
        <v>14</v>
      </c>
      <c r="H206" s="2" t="s">
        <v>31</v>
      </c>
      <c r="I206" s="3">
        <v>2017</v>
      </c>
      <c r="J206" s="2" t="s">
        <v>32</v>
      </c>
      <c r="K206" s="2"/>
      <c r="L206" s="2" t="s">
        <v>711</v>
      </c>
    </row>
    <row r="207" spans="1:12" ht="15.2" customHeight="1">
      <c r="A207" s="2" t="s">
        <v>616</v>
      </c>
      <c r="B207" s="2" t="s">
        <v>712</v>
      </c>
      <c r="C207" s="2" t="s">
        <v>713</v>
      </c>
      <c r="D207" s="2" t="s">
        <v>714</v>
      </c>
      <c r="E207" s="2" t="s">
        <v>709</v>
      </c>
      <c r="F207" s="2" t="s">
        <v>715</v>
      </c>
      <c r="G207" s="3">
        <v>20</v>
      </c>
      <c r="H207" s="2" t="s">
        <v>31</v>
      </c>
      <c r="I207" s="3">
        <v>2017</v>
      </c>
      <c r="J207" s="2" t="s">
        <v>32</v>
      </c>
      <c r="K207" s="2"/>
      <c r="L207" s="2" t="s">
        <v>716</v>
      </c>
    </row>
    <row r="208" spans="1:12" ht="15.2" customHeight="1">
      <c r="A208" s="2" t="s">
        <v>616</v>
      </c>
      <c r="B208" s="2" t="s">
        <v>140</v>
      </c>
      <c r="C208" s="2"/>
      <c r="D208" s="2" t="s">
        <v>28</v>
      </c>
      <c r="E208" s="2" t="s">
        <v>29</v>
      </c>
      <c r="F208" s="2" t="s">
        <v>30</v>
      </c>
      <c r="G208" s="3">
        <v>1</v>
      </c>
      <c r="H208" s="2" t="s">
        <v>31</v>
      </c>
      <c r="I208" s="3">
        <v>2020</v>
      </c>
      <c r="J208" s="2" t="s">
        <v>32</v>
      </c>
      <c r="K208" s="2"/>
      <c r="L208" s="2" t="s">
        <v>33</v>
      </c>
    </row>
    <row r="209" spans="1:12" ht="15.2" customHeight="1">
      <c r="A209" s="2" t="s">
        <v>616</v>
      </c>
      <c r="B209" s="2" t="s">
        <v>717</v>
      </c>
      <c r="C209" s="2"/>
      <c r="D209" s="2" t="s">
        <v>35</v>
      </c>
      <c r="E209" s="2" t="s">
        <v>29</v>
      </c>
      <c r="F209" s="2" t="s">
        <v>36</v>
      </c>
      <c r="G209" s="3">
        <v>8</v>
      </c>
      <c r="H209" s="2" t="s">
        <v>31</v>
      </c>
      <c r="I209" s="3">
        <v>2020</v>
      </c>
      <c r="J209" s="2" t="s">
        <v>32</v>
      </c>
      <c r="K209" s="2"/>
      <c r="L209" s="2" t="s">
        <v>37</v>
      </c>
    </row>
    <row r="210" spans="1:12" ht="15.2" customHeight="1">
      <c r="A210" s="2" t="s">
        <v>616</v>
      </c>
      <c r="B210" s="2" t="s">
        <v>145</v>
      </c>
      <c r="C210" s="2"/>
      <c r="D210" s="2" t="s">
        <v>39</v>
      </c>
      <c r="E210" s="2" t="s">
        <v>29</v>
      </c>
      <c r="F210" s="2" t="s">
        <v>40</v>
      </c>
      <c r="G210" s="3">
        <v>7</v>
      </c>
      <c r="H210" s="2" t="s">
        <v>31</v>
      </c>
      <c r="I210" s="3">
        <v>2020</v>
      </c>
      <c r="J210" s="2" t="s">
        <v>32</v>
      </c>
      <c r="K210" s="2"/>
      <c r="L210" s="2" t="s">
        <v>41</v>
      </c>
    </row>
    <row r="211" spans="1:12" ht="15.2" customHeight="1">
      <c r="A211" s="2" t="s">
        <v>616</v>
      </c>
      <c r="B211" s="2" t="s">
        <v>718</v>
      </c>
      <c r="C211" s="2"/>
      <c r="D211" s="2" t="s">
        <v>43</v>
      </c>
      <c r="E211" s="2" t="s">
        <v>29</v>
      </c>
      <c r="F211" s="2" t="s">
        <v>44</v>
      </c>
      <c r="G211" s="3">
        <v>2</v>
      </c>
      <c r="H211" s="2" t="s">
        <v>31</v>
      </c>
      <c r="I211" s="3">
        <v>2020</v>
      </c>
      <c r="J211" s="2" t="s">
        <v>32</v>
      </c>
      <c r="K211" s="2"/>
      <c r="L211" s="2" t="s">
        <v>45</v>
      </c>
    </row>
    <row r="212" spans="1:12" ht="15.2" customHeight="1">
      <c r="A212" s="2" t="s">
        <v>616</v>
      </c>
      <c r="B212" s="2" t="s">
        <v>150</v>
      </c>
      <c r="C212" s="2" t="s">
        <v>47</v>
      </c>
      <c r="D212" s="2" t="s">
        <v>48</v>
      </c>
      <c r="E212" s="2" t="s">
        <v>49</v>
      </c>
      <c r="F212" s="2" t="s">
        <v>50</v>
      </c>
      <c r="G212" s="3">
        <v>58</v>
      </c>
      <c r="H212" s="2" t="s">
        <v>57</v>
      </c>
      <c r="I212" s="3">
        <v>2012</v>
      </c>
      <c r="J212" s="2" t="s">
        <v>20</v>
      </c>
      <c r="K212" s="2"/>
      <c r="L212" s="2" t="s">
        <v>52</v>
      </c>
    </row>
    <row r="213" spans="1:12" ht="15.2" customHeight="1">
      <c r="A213" s="2" t="s">
        <v>616</v>
      </c>
      <c r="B213" s="2" t="s">
        <v>155</v>
      </c>
      <c r="C213" s="2" t="s">
        <v>719</v>
      </c>
      <c r="D213" s="2" t="s">
        <v>720</v>
      </c>
      <c r="E213" s="2" t="s">
        <v>709</v>
      </c>
      <c r="F213" s="2" t="s">
        <v>721</v>
      </c>
      <c r="G213" s="3">
        <v>11</v>
      </c>
      <c r="H213" s="2" t="s">
        <v>31</v>
      </c>
      <c r="I213" s="3">
        <v>2017</v>
      </c>
      <c r="J213" s="2" t="s">
        <v>32</v>
      </c>
      <c r="K213" s="2"/>
      <c r="L213" s="2" t="s">
        <v>722</v>
      </c>
    </row>
    <row r="214" spans="1:12" ht="15.2" customHeight="1">
      <c r="A214" s="2" t="s">
        <v>616</v>
      </c>
      <c r="B214" s="2" t="s">
        <v>723</v>
      </c>
      <c r="C214" s="2" t="s">
        <v>724</v>
      </c>
      <c r="D214" s="2" t="s">
        <v>725</v>
      </c>
      <c r="E214" s="2" t="s">
        <v>709</v>
      </c>
      <c r="F214" s="2" t="s">
        <v>726</v>
      </c>
      <c r="G214" s="3">
        <v>15</v>
      </c>
      <c r="H214" s="2" t="s">
        <v>31</v>
      </c>
      <c r="I214" s="3">
        <v>2017</v>
      </c>
      <c r="J214" s="2" t="s">
        <v>32</v>
      </c>
      <c r="K214" s="2"/>
      <c r="L214" s="2" t="s">
        <v>727</v>
      </c>
    </row>
    <row r="215" spans="1:12" ht="15.2" customHeight="1">
      <c r="A215" s="2" t="s">
        <v>616</v>
      </c>
      <c r="B215" s="2" t="s">
        <v>160</v>
      </c>
      <c r="C215" s="2" t="s">
        <v>621</v>
      </c>
      <c r="D215" s="2" t="s">
        <v>622</v>
      </c>
      <c r="E215" s="2" t="s">
        <v>444</v>
      </c>
      <c r="F215" s="2" t="s">
        <v>623</v>
      </c>
      <c r="G215" s="3">
        <v>2</v>
      </c>
      <c r="H215" s="2" t="s">
        <v>345</v>
      </c>
      <c r="I215" s="3">
        <v>2012</v>
      </c>
      <c r="J215" s="2" t="s">
        <v>20</v>
      </c>
      <c r="K215" s="2"/>
      <c r="L215" s="2" t="s">
        <v>624</v>
      </c>
    </row>
    <row r="216" spans="1:12" ht="15.2" customHeight="1">
      <c r="A216" s="2" t="s">
        <v>616</v>
      </c>
      <c r="B216" s="2" t="s">
        <v>161</v>
      </c>
      <c r="C216" s="2" t="s">
        <v>625</v>
      </c>
      <c r="D216" s="2" t="s">
        <v>626</v>
      </c>
      <c r="E216" s="2" t="s">
        <v>444</v>
      </c>
      <c r="F216" s="2" t="s">
        <v>627</v>
      </c>
      <c r="G216" s="3">
        <v>1</v>
      </c>
      <c r="H216" s="2" t="s">
        <v>345</v>
      </c>
      <c r="I216" s="3">
        <v>2012</v>
      </c>
      <c r="J216" s="2" t="s">
        <v>20</v>
      </c>
      <c r="K216" s="2"/>
      <c r="L216" s="2" t="s">
        <v>628</v>
      </c>
    </row>
    <row r="217" spans="1:12" ht="15.2" customHeight="1">
      <c r="A217" s="2" t="s">
        <v>616</v>
      </c>
      <c r="B217" s="2" t="s">
        <v>162</v>
      </c>
      <c r="C217" s="2" t="s">
        <v>637</v>
      </c>
      <c r="D217" s="2" t="s">
        <v>638</v>
      </c>
      <c r="E217" s="2" t="s">
        <v>273</v>
      </c>
      <c r="F217" s="2" t="s">
        <v>639</v>
      </c>
      <c r="G217" s="3">
        <v>12</v>
      </c>
      <c r="H217" s="2" t="s">
        <v>368</v>
      </c>
      <c r="I217" s="3">
        <v>2009</v>
      </c>
      <c r="J217" s="2" t="s">
        <v>20</v>
      </c>
      <c r="K217" s="2"/>
      <c r="L217" s="2" t="s">
        <v>640</v>
      </c>
    </row>
    <row r="218" spans="1:12" ht="15.2" customHeight="1">
      <c r="A218" s="2" t="s">
        <v>616</v>
      </c>
      <c r="B218" s="2" t="s">
        <v>168</v>
      </c>
      <c r="C218" s="2" t="s">
        <v>641</v>
      </c>
      <c r="D218" s="2" t="s">
        <v>642</v>
      </c>
      <c r="E218" s="2" t="s">
        <v>273</v>
      </c>
      <c r="F218" s="2" t="s">
        <v>643</v>
      </c>
      <c r="G218" s="3">
        <v>7</v>
      </c>
      <c r="H218" s="2" t="s">
        <v>368</v>
      </c>
      <c r="I218" s="3">
        <v>2009</v>
      </c>
      <c r="J218" s="2" t="s">
        <v>20</v>
      </c>
      <c r="K218" s="2"/>
      <c r="L218" s="2" t="s">
        <v>644</v>
      </c>
    </row>
    <row r="219" spans="1:12" ht="15.2" customHeight="1">
      <c r="A219" s="2" t="s">
        <v>616</v>
      </c>
      <c r="B219" s="2" t="s">
        <v>174</v>
      </c>
      <c r="C219" s="2" t="s">
        <v>645</v>
      </c>
      <c r="D219" s="2" t="s">
        <v>646</v>
      </c>
      <c r="E219" s="2" t="s">
        <v>282</v>
      </c>
      <c r="F219" s="2" t="s">
        <v>647</v>
      </c>
      <c r="G219" s="3">
        <v>6</v>
      </c>
      <c r="H219" s="2" t="s">
        <v>57</v>
      </c>
      <c r="I219" s="3">
        <v>2016</v>
      </c>
      <c r="J219" s="2" t="s">
        <v>32</v>
      </c>
      <c r="K219" s="2"/>
      <c r="L219" s="2" t="s">
        <v>648</v>
      </c>
    </row>
    <row r="220" spans="1:12" ht="0" hidden="1" customHeight="1"/>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0-11-04T10:34:44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